
<file path=[Content_Types].xml><?xml version="1.0" encoding="utf-8"?>
<Types xmlns="http://schemas.openxmlformats.org/package/2006/content-types">
  <Default Extension="bin" ContentType="image/jpeg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notesSlides/notesSlide1.xml" ContentType="application/vnd.openxmlformats-officedocument.presentationml.notesSlide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notesSlides/notesSlide2.xml" ContentType="application/vnd.openxmlformats-officedocument.presentationml.notesSlide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tags/tag15.xml" ContentType="application/vnd.openxmlformats-officedocument.presentationml.tags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2"/>
  </p:sldMasterIdLst>
  <p:notesMasterIdLst>
    <p:notesMasterId r:id="rId22"/>
  </p:notesMasterIdLst>
  <p:handoutMasterIdLst>
    <p:handoutMasterId r:id="rId23"/>
  </p:handoutMasterIdLst>
  <p:sldIdLst>
    <p:sldId id="281" r:id="rId13"/>
    <p:sldId id="276" r:id="rId14"/>
    <p:sldId id="272" r:id="rId15"/>
    <p:sldId id="282" r:id="rId16"/>
    <p:sldId id="273" r:id="rId17"/>
    <p:sldId id="274" r:id="rId18"/>
    <p:sldId id="275" r:id="rId19"/>
    <p:sldId id="283" r:id="rId20"/>
    <p:sldId id="256" r:id="rId21"/>
  </p:sldIdLst>
  <p:sldSz cx="12192000" cy="6858000"/>
  <p:notesSz cx="6858000" cy="9144000"/>
  <p:embeddedFontLst>
    <p:embeddedFont>
      <p:font typeface="Ericsson Hilda" panose="00000500000000000000" pitchFamily="2" charset="0"/>
      <p:regular r:id="rId24"/>
      <p:bold r:id="rId25"/>
      <p:italic r:id="rId26"/>
      <p:boldItalic r:id="rId27"/>
    </p:embeddedFont>
    <p:embeddedFont>
      <p:font typeface="Ericsson Hilda ExtraBold" panose="00000900000000000000" pitchFamily="2" charset="0"/>
      <p:bold r:id="rId28"/>
    </p:embeddedFont>
    <p:embeddedFont>
      <p:font typeface="Ericsson Hilda ExtraLight" panose="00000300000000000000" pitchFamily="2" charset="0"/>
      <p:regular r:id="rId29"/>
    </p:embeddedFont>
    <p:embeddedFont>
      <p:font typeface="Ericsson Hilda Light" panose="00000400000000000000" pitchFamily="2" charset="0"/>
      <p:regular r:id="rId30"/>
      <p:italic r:id="rId31"/>
    </p:embeddedFont>
    <p:embeddedFont>
      <p:font typeface="Ericsson Technical Icons" panose="020B0604020202020204" charset="0"/>
      <p:regular r:id="rId32"/>
      <p:bold r:id="rId33"/>
      <p:italic r:id="rId34"/>
      <p:boldItalic r:id="rId35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CCFF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9290BDE-252C-4BDB-A094-88A2CBB6C9B0}" v="414" dt="2025-11-28T08:08:58.282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4124" autoAdjust="0"/>
  </p:normalViewPr>
  <p:slideViewPr>
    <p:cSldViewPr snapToGrid="0" snapToObjects="1" showGuides="1">
      <p:cViewPr>
        <p:scale>
          <a:sx n="57" d="100"/>
          <a:sy n="57" d="100"/>
        </p:scale>
        <p:origin x="1016" y="8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 snapToObjects="1" showGuides="1">
      <p:cViewPr varScale="1">
        <p:scale>
          <a:sx n="77" d="100"/>
          <a:sy n="77" d="100"/>
        </p:scale>
        <p:origin x="1920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font" Target="fonts/font3.fntdata"/><Relationship Id="rId39" Type="http://schemas.openxmlformats.org/officeDocument/2006/relationships/tableStyles" Target="tableStyles.xml"/><Relationship Id="rId21" Type="http://schemas.openxmlformats.org/officeDocument/2006/relationships/slide" Target="slides/slide9.xml"/><Relationship Id="rId34" Type="http://schemas.openxmlformats.org/officeDocument/2006/relationships/font" Target="fonts/font11.fntdata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font" Target="fonts/font6.fntdata"/><Relationship Id="rId41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1.fntdata"/><Relationship Id="rId32" Type="http://schemas.openxmlformats.org/officeDocument/2006/relationships/font" Target="fonts/font9.fntdata"/><Relationship Id="rId37" Type="http://schemas.openxmlformats.org/officeDocument/2006/relationships/viewProps" Target="viewProps.xml"/><Relationship Id="rId40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handoutMaster" Target="handoutMasters/handoutMaster1.xml"/><Relationship Id="rId28" Type="http://schemas.openxmlformats.org/officeDocument/2006/relationships/font" Target="fonts/font5.fntdata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font" Target="fonts/font8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notesMaster" Target="notesMasters/notesMaster1.xml"/><Relationship Id="rId27" Type="http://schemas.openxmlformats.org/officeDocument/2006/relationships/font" Target="fonts/font4.fntdata"/><Relationship Id="rId30" Type="http://schemas.openxmlformats.org/officeDocument/2006/relationships/font" Target="fonts/font7.fntdata"/><Relationship Id="rId35" Type="http://schemas.openxmlformats.org/officeDocument/2006/relationships/font" Target="fonts/font12.fntdata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font" Target="fonts/font2.fntdata"/><Relationship Id="rId33" Type="http://schemas.openxmlformats.org/officeDocument/2006/relationships/font" Target="fonts/font10.fntdata"/><Relationship Id="rId38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Ádám Zlatniczki" userId="a368d780-563b-48a2-91eb-b61857820a09" providerId="ADAL" clId="{EE47812C-AA54-433D-B6FA-AE6CD733BD28}"/>
    <pc:docChg chg="undo redo custSel addSld delSld modSld sldOrd">
      <pc:chgData name="Ádám Zlatniczki" userId="a368d780-563b-48a2-91eb-b61857820a09" providerId="ADAL" clId="{EE47812C-AA54-433D-B6FA-AE6CD733BD28}" dt="2025-11-28T08:14:19.547" v="4851" actId="1076"/>
      <pc:docMkLst>
        <pc:docMk/>
      </pc:docMkLst>
      <pc:sldChg chg="modSp add mod ord">
        <pc:chgData name="Ádám Zlatniczki" userId="a368d780-563b-48a2-91eb-b61857820a09" providerId="ADAL" clId="{EE47812C-AA54-433D-B6FA-AE6CD733BD28}" dt="2025-11-27T14:22:43.424" v="675"/>
        <pc:sldMkLst>
          <pc:docMk/>
          <pc:sldMk cId="400530456" sldId="256"/>
        </pc:sldMkLst>
        <pc:spChg chg="mod">
          <ac:chgData name="Ádám Zlatniczki" userId="a368d780-563b-48a2-91eb-b61857820a09" providerId="ADAL" clId="{EE47812C-AA54-433D-B6FA-AE6CD733BD28}" dt="2025-11-27T14:22:33.247" v="670"/>
          <ac:spMkLst>
            <pc:docMk/>
            <pc:sldMk cId="400530456" sldId="256"/>
            <ac:spMk id="4" creationId="{A106A011-1BAB-9AB2-67BE-C841767FAACE}"/>
          </ac:spMkLst>
        </pc:spChg>
        <pc:picChg chg="mod modCrop">
          <ac:chgData name="Ádám Zlatniczki" userId="a368d780-563b-48a2-91eb-b61857820a09" providerId="ADAL" clId="{EE47812C-AA54-433D-B6FA-AE6CD733BD28}" dt="2025-11-27T14:22:33.247" v="668"/>
          <ac:picMkLst>
            <pc:docMk/>
            <pc:sldMk cId="400530456" sldId="256"/>
            <ac:picMk id="3" creationId="{017C27F7-B73F-45EF-7A73-9729483D91C0}"/>
          </ac:picMkLst>
        </pc:picChg>
        <pc:picChg chg="mod modCrop">
          <ac:chgData name="Ádám Zlatniczki" userId="a368d780-563b-48a2-91eb-b61857820a09" providerId="ADAL" clId="{EE47812C-AA54-433D-B6FA-AE6CD733BD28}" dt="2025-11-27T14:22:33.247" v="673"/>
          <ac:picMkLst>
            <pc:docMk/>
            <pc:sldMk cId="400530456" sldId="256"/>
            <ac:picMk id="5" creationId="{1EA67C3A-0AD0-CA6B-B16C-6CED8C786EDC}"/>
          </ac:picMkLst>
        </pc:picChg>
      </pc:sldChg>
      <pc:sldChg chg="modSp add del mod">
        <pc:chgData name="Ádám Zlatniczki" userId="a368d780-563b-48a2-91eb-b61857820a09" providerId="ADAL" clId="{EE47812C-AA54-433D-B6FA-AE6CD733BD28}" dt="2025-11-27T14:21:29.425" v="632" actId="47"/>
        <pc:sldMkLst>
          <pc:docMk/>
          <pc:sldMk cId="3085035205" sldId="256"/>
        </pc:sldMkLst>
        <pc:spChg chg="mod">
          <ac:chgData name="Ádám Zlatniczki" userId="a368d780-563b-48a2-91eb-b61857820a09" providerId="ADAL" clId="{EE47812C-AA54-433D-B6FA-AE6CD733BD28}" dt="2025-11-27T14:19:45.800" v="504"/>
          <ac:spMkLst>
            <pc:docMk/>
            <pc:sldMk cId="3085035205" sldId="256"/>
            <ac:spMk id="4" creationId="{FBD9343C-62C2-1A1F-4553-06C3582525B9}"/>
          </ac:spMkLst>
        </pc:spChg>
        <pc:spChg chg="mod">
          <ac:chgData name="Ádám Zlatniczki" userId="a368d780-563b-48a2-91eb-b61857820a09" providerId="ADAL" clId="{EE47812C-AA54-433D-B6FA-AE6CD733BD28}" dt="2025-11-27T14:19:45.800" v="506"/>
          <ac:spMkLst>
            <pc:docMk/>
            <pc:sldMk cId="3085035205" sldId="256"/>
            <ac:spMk id="5" creationId="{CEF8A5F0-FE87-12E0-1BC1-6928A8ED87C6}"/>
          </ac:spMkLst>
        </pc:spChg>
        <pc:spChg chg="mod">
          <ac:chgData name="Ádám Zlatniczki" userId="a368d780-563b-48a2-91eb-b61857820a09" providerId="ADAL" clId="{EE47812C-AA54-433D-B6FA-AE6CD733BD28}" dt="2025-11-27T14:19:45.800" v="508"/>
          <ac:spMkLst>
            <pc:docMk/>
            <pc:sldMk cId="3085035205" sldId="256"/>
            <ac:spMk id="6" creationId="{08439B39-CE21-7EE8-79CD-B9F90CD18F66}"/>
          </ac:spMkLst>
        </pc:spChg>
        <pc:spChg chg="mod">
          <ac:chgData name="Ádám Zlatniczki" userId="a368d780-563b-48a2-91eb-b61857820a09" providerId="ADAL" clId="{EE47812C-AA54-433D-B6FA-AE6CD733BD28}" dt="2025-11-27T14:19:45.800" v="510"/>
          <ac:spMkLst>
            <pc:docMk/>
            <pc:sldMk cId="3085035205" sldId="256"/>
            <ac:spMk id="7" creationId="{20E2681F-EC0B-0690-AEB0-9F7BA320BEAB}"/>
          </ac:spMkLst>
        </pc:spChg>
        <pc:spChg chg="mod">
          <ac:chgData name="Ádám Zlatniczki" userId="a368d780-563b-48a2-91eb-b61857820a09" providerId="ADAL" clId="{EE47812C-AA54-433D-B6FA-AE6CD733BD28}" dt="2025-11-27T14:19:45.800" v="512"/>
          <ac:spMkLst>
            <pc:docMk/>
            <pc:sldMk cId="3085035205" sldId="256"/>
            <ac:spMk id="8" creationId="{3DFFBC21-A958-2092-BD32-6FD8DF5CDB75}"/>
          </ac:spMkLst>
        </pc:spChg>
        <pc:picChg chg="mod modCrop">
          <ac:chgData name="Ádám Zlatniczki" userId="a368d780-563b-48a2-91eb-b61857820a09" providerId="ADAL" clId="{EE47812C-AA54-433D-B6FA-AE6CD733BD28}" dt="2025-11-27T14:19:45.800" v="502"/>
          <ac:picMkLst>
            <pc:docMk/>
            <pc:sldMk cId="3085035205" sldId="256"/>
            <ac:picMk id="2" creationId="{161FB147-8C0C-0D9A-8F78-4F48C7288016}"/>
          </ac:picMkLst>
        </pc:picChg>
        <pc:picChg chg="mod modCrop">
          <ac:chgData name="Ádám Zlatniczki" userId="a368d780-563b-48a2-91eb-b61857820a09" providerId="ADAL" clId="{EE47812C-AA54-433D-B6FA-AE6CD733BD28}" dt="2025-11-27T14:19:45.800" v="515"/>
          <ac:picMkLst>
            <pc:docMk/>
            <pc:sldMk cId="3085035205" sldId="256"/>
            <ac:picMk id="3" creationId="{760BE761-FB1A-C810-04A4-C8C798D84309}"/>
          </ac:picMkLst>
        </pc:picChg>
      </pc:sldChg>
      <pc:sldChg chg="modSp add del mod">
        <pc:chgData name="Ádám Zlatniczki" userId="a368d780-563b-48a2-91eb-b61857820a09" providerId="ADAL" clId="{EE47812C-AA54-433D-B6FA-AE6CD733BD28}" dt="2025-11-27T14:22:30.344" v="664" actId="47"/>
        <pc:sldMkLst>
          <pc:docMk/>
          <pc:sldMk cId="3182893272" sldId="256"/>
        </pc:sldMkLst>
        <pc:spChg chg="mod">
          <ac:chgData name="Ádám Zlatniczki" userId="a368d780-563b-48a2-91eb-b61857820a09" providerId="ADAL" clId="{EE47812C-AA54-433D-B6FA-AE6CD733BD28}" dt="2025-11-27T14:22:06.659" v="642"/>
          <ac:spMkLst>
            <pc:docMk/>
            <pc:sldMk cId="3182893272" sldId="256"/>
            <ac:spMk id="4" creationId="{CCF18DCF-3AC3-A38C-690B-88A79BAEA95E}"/>
          </ac:spMkLst>
        </pc:spChg>
        <pc:picChg chg="mod modCrop">
          <ac:chgData name="Ádám Zlatniczki" userId="a368d780-563b-48a2-91eb-b61857820a09" providerId="ADAL" clId="{EE47812C-AA54-433D-B6FA-AE6CD733BD28}" dt="2025-11-27T14:22:06.659" v="645"/>
          <ac:picMkLst>
            <pc:docMk/>
            <pc:sldMk cId="3182893272" sldId="256"/>
            <ac:picMk id="5" creationId="{55F84C14-2BEB-1217-2FBF-F38046863925}"/>
          </ac:picMkLst>
        </pc:picChg>
        <pc:picChg chg="mod modCrop">
          <ac:chgData name="Ádám Zlatniczki" userId="a368d780-563b-48a2-91eb-b61857820a09" providerId="ADAL" clId="{EE47812C-AA54-433D-B6FA-AE6CD733BD28}" dt="2025-11-27T14:22:06.659" v="640"/>
          <ac:picMkLst>
            <pc:docMk/>
            <pc:sldMk cId="3182893272" sldId="256"/>
            <ac:picMk id="6" creationId="{53F97C7C-8B4E-FD4A-4873-498EA0688052}"/>
          </ac:picMkLst>
        </pc:picChg>
      </pc:sldChg>
      <pc:sldChg chg="del">
        <pc:chgData name="Ádám Zlatniczki" userId="a368d780-563b-48a2-91eb-b61857820a09" providerId="ADAL" clId="{EE47812C-AA54-433D-B6FA-AE6CD733BD28}" dt="2025-11-27T14:22:52.094" v="676" actId="47"/>
        <pc:sldMkLst>
          <pc:docMk/>
          <pc:sldMk cId="1383928708" sldId="261"/>
        </pc:sldMkLst>
      </pc:sldChg>
      <pc:sldChg chg="addSp delSp modSp del mod">
        <pc:chgData name="Ádám Zlatniczki" userId="a368d780-563b-48a2-91eb-b61857820a09" providerId="ADAL" clId="{EE47812C-AA54-433D-B6FA-AE6CD733BD28}" dt="2025-11-27T14:29:15.337" v="766" actId="47"/>
        <pc:sldMkLst>
          <pc:docMk/>
          <pc:sldMk cId="3709959988" sldId="270"/>
        </pc:sldMkLst>
        <pc:spChg chg="add mod">
          <ac:chgData name="Ádám Zlatniczki" userId="a368d780-563b-48a2-91eb-b61857820a09" providerId="ADAL" clId="{EE47812C-AA54-433D-B6FA-AE6CD733BD28}" dt="2025-11-27T14:00:36.499" v="101" actId="20577"/>
          <ac:spMkLst>
            <pc:docMk/>
            <pc:sldMk cId="3709959988" sldId="270"/>
            <ac:spMk id="3" creationId="{69451B8F-E912-FF5C-8E00-2FF882E46BCB}"/>
          </ac:spMkLst>
        </pc:spChg>
        <pc:spChg chg="del">
          <ac:chgData name="Ádám Zlatniczki" userId="a368d780-563b-48a2-91eb-b61857820a09" providerId="ADAL" clId="{EE47812C-AA54-433D-B6FA-AE6CD733BD28}" dt="2025-11-27T13:59:18.678" v="0" actId="478"/>
          <ac:spMkLst>
            <pc:docMk/>
            <pc:sldMk cId="3709959988" sldId="270"/>
            <ac:spMk id="11" creationId="{2E8E8F9E-D1C4-4C6A-B250-14307A886012}"/>
          </ac:spMkLst>
        </pc:spChg>
      </pc:sldChg>
      <pc:sldChg chg="del">
        <pc:chgData name="Ádám Zlatniczki" userId="a368d780-563b-48a2-91eb-b61857820a09" providerId="ADAL" clId="{EE47812C-AA54-433D-B6FA-AE6CD733BD28}" dt="2025-11-27T14:21:29.015" v="631" actId="47"/>
        <pc:sldMkLst>
          <pc:docMk/>
          <pc:sldMk cId="2230748882" sldId="271"/>
        </pc:sldMkLst>
      </pc:sldChg>
      <pc:sldChg chg="addSp delSp modSp mod">
        <pc:chgData name="Ádám Zlatniczki" userId="a368d780-563b-48a2-91eb-b61857820a09" providerId="ADAL" clId="{EE47812C-AA54-433D-B6FA-AE6CD733BD28}" dt="2025-11-28T07:42:19.083" v="4395" actId="20577"/>
        <pc:sldMkLst>
          <pc:docMk/>
          <pc:sldMk cId="2604203220" sldId="272"/>
        </pc:sldMkLst>
        <pc:spChg chg="add mod">
          <ac:chgData name="Ádám Zlatniczki" userId="a368d780-563b-48a2-91eb-b61857820a09" providerId="ADAL" clId="{EE47812C-AA54-433D-B6FA-AE6CD733BD28}" dt="2025-11-27T16:15:34.031" v="2925" actId="1036"/>
          <ac:spMkLst>
            <pc:docMk/>
            <pc:sldMk cId="2604203220" sldId="272"/>
            <ac:spMk id="2" creationId="{E23BE2A7-0D2E-F129-C8D5-3F2A965D5790}"/>
          </ac:spMkLst>
        </pc:spChg>
        <pc:spChg chg="mod">
          <ac:chgData name="Ádám Zlatniczki" userId="a368d780-563b-48a2-91eb-b61857820a09" providerId="ADAL" clId="{EE47812C-AA54-433D-B6FA-AE6CD733BD28}" dt="2025-11-27T14:01:09.522" v="129" actId="313"/>
          <ac:spMkLst>
            <pc:docMk/>
            <pc:sldMk cId="2604203220" sldId="272"/>
            <ac:spMk id="4" creationId="{306D82EC-811D-454E-9DFF-2EEC63AD50B4}"/>
          </ac:spMkLst>
        </pc:spChg>
        <pc:spChg chg="del">
          <ac:chgData name="Ádám Zlatniczki" userId="a368d780-563b-48a2-91eb-b61857820a09" providerId="ADAL" clId="{EE47812C-AA54-433D-B6FA-AE6CD733BD28}" dt="2025-11-27T14:29:45.232" v="784" actId="478"/>
          <ac:spMkLst>
            <pc:docMk/>
            <pc:sldMk cId="2604203220" sldId="272"/>
            <ac:spMk id="5" creationId="{80CFE1E9-2446-4327-A152-D121E1DA7E83}"/>
          </ac:spMkLst>
        </pc:spChg>
        <pc:spChg chg="add mod">
          <ac:chgData name="Ádám Zlatniczki" userId="a368d780-563b-48a2-91eb-b61857820a09" providerId="ADAL" clId="{EE47812C-AA54-433D-B6FA-AE6CD733BD28}" dt="2025-11-27T16:15:34.031" v="2925" actId="1036"/>
          <ac:spMkLst>
            <pc:docMk/>
            <pc:sldMk cId="2604203220" sldId="272"/>
            <ac:spMk id="9" creationId="{8EBF251D-F905-E560-391F-A8A46653A58D}"/>
          </ac:spMkLst>
        </pc:spChg>
        <pc:spChg chg="add mod">
          <ac:chgData name="Ádám Zlatniczki" userId="a368d780-563b-48a2-91eb-b61857820a09" providerId="ADAL" clId="{EE47812C-AA54-433D-B6FA-AE6CD733BD28}" dt="2025-11-27T16:15:34.031" v="2925" actId="1036"/>
          <ac:spMkLst>
            <pc:docMk/>
            <pc:sldMk cId="2604203220" sldId="272"/>
            <ac:spMk id="10" creationId="{D0091DE4-4E05-C876-87B1-A9AE9CBF714E}"/>
          </ac:spMkLst>
        </pc:spChg>
        <pc:spChg chg="add mod">
          <ac:chgData name="Ádám Zlatniczki" userId="a368d780-563b-48a2-91eb-b61857820a09" providerId="ADAL" clId="{EE47812C-AA54-433D-B6FA-AE6CD733BD28}" dt="2025-11-27T16:15:34.031" v="2925" actId="1036"/>
          <ac:spMkLst>
            <pc:docMk/>
            <pc:sldMk cId="2604203220" sldId="272"/>
            <ac:spMk id="11" creationId="{2E838BF4-B266-13B5-B474-993DBFD65273}"/>
          </ac:spMkLst>
        </pc:spChg>
        <pc:spChg chg="add mod">
          <ac:chgData name="Ádám Zlatniczki" userId="a368d780-563b-48a2-91eb-b61857820a09" providerId="ADAL" clId="{EE47812C-AA54-433D-B6FA-AE6CD733BD28}" dt="2025-11-28T07:42:19.083" v="4395" actId="20577"/>
          <ac:spMkLst>
            <pc:docMk/>
            <pc:sldMk cId="2604203220" sldId="272"/>
            <ac:spMk id="12" creationId="{4D29829F-1930-2874-BFA9-46246CDBB236}"/>
          </ac:spMkLst>
        </pc:spChg>
        <pc:spChg chg="add mod ord">
          <ac:chgData name="Ádám Zlatniczki" userId="a368d780-563b-48a2-91eb-b61857820a09" providerId="ADAL" clId="{EE47812C-AA54-433D-B6FA-AE6CD733BD28}" dt="2025-11-27T16:15:34.031" v="2925" actId="1036"/>
          <ac:spMkLst>
            <pc:docMk/>
            <pc:sldMk cId="2604203220" sldId="272"/>
            <ac:spMk id="13" creationId="{B18FB296-B831-E29A-43AB-5FBB6B01BB95}"/>
          </ac:spMkLst>
        </pc:spChg>
        <pc:spChg chg="add mod ord">
          <ac:chgData name="Ádám Zlatniczki" userId="a368d780-563b-48a2-91eb-b61857820a09" providerId="ADAL" clId="{EE47812C-AA54-433D-B6FA-AE6CD733BD28}" dt="2025-11-27T16:15:34.031" v="2925" actId="1036"/>
          <ac:spMkLst>
            <pc:docMk/>
            <pc:sldMk cId="2604203220" sldId="272"/>
            <ac:spMk id="14" creationId="{5D3F6038-A5C4-CE20-3960-0242C3835F65}"/>
          </ac:spMkLst>
        </pc:spChg>
        <pc:spChg chg="add mod ord">
          <ac:chgData name="Ádám Zlatniczki" userId="a368d780-563b-48a2-91eb-b61857820a09" providerId="ADAL" clId="{EE47812C-AA54-433D-B6FA-AE6CD733BD28}" dt="2025-11-27T16:15:34.031" v="2925" actId="1036"/>
          <ac:spMkLst>
            <pc:docMk/>
            <pc:sldMk cId="2604203220" sldId="272"/>
            <ac:spMk id="15" creationId="{B10A9A93-83D0-0E04-6817-5BE0D8FE2959}"/>
          </ac:spMkLst>
        </pc:spChg>
        <pc:spChg chg="add del mod">
          <ac:chgData name="Ádám Zlatniczki" userId="a368d780-563b-48a2-91eb-b61857820a09" providerId="ADAL" clId="{EE47812C-AA54-433D-B6FA-AE6CD733BD28}" dt="2025-11-27T15:48:31.738" v="1538" actId="478"/>
          <ac:spMkLst>
            <pc:docMk/>
            <pc:sldMk cId="2604203220" sldId="272"/>
            <ac:spMk id="16" creationId="{A8C85C29-D833-EA82-4159-91A23215A80A}"/>
          </ac:spMkLst>
        </pc:spChg>
        <pc:spChg chg="add mod ord">
          <ac:chgData name="Ádám Zlatniczki" userId="a368d780-563b-48a2-91eb-b61857820a09" providerId="ADAL" clId="{EE47812C-AA54-433D-B6FA-AE6CD733BD28}" dt="2025-11-27T16:15:34.031" v="2925" actId="1036"/>
          <ac:spMkLst>
            <pc:docMk/>
            <pc:sldMk cId="2604203220" sldId="272"/>
            <ac:spMk id="17" creationId="{F82889B5-55A3-B06B-F6BA-A7AEA3160D73}"/>
          </ac:spMkLst>
        </pc:spChg>
        <pc:spChg chg="add del mod">
          <ac:chgData name="Ádám Zlatniczki" userId="a368d780-563b-48a2-91eb-b61857820a09" providerId="ADAL" clId="{EE47812C-AA54-433D-B6FA-AE6CD733BD28}" dt="2025-11-27T16:00:34.837" v="2012" actId="21"/>
          <ac:spMkLst>
            <pc:docMk/>
            <pc:sldMk cId="2604203220" sldId="272"/>
            <ac:spMk id="18" creationId="{AF1B5D4A-1CA2-BFA2-2CD7-5967B961C31B}"/>
          </ac:spMkLst>
        </pc:spChg>
        <pc:spChg chg="add del mod">
          <ac:chgData name="Ádám Zlatniczki" userId="a368d780-563b-48a2-91eb-b61857820a09" providerId="ADAL" clId="{EE47812C-AA54-433D-B6FA-AE6CD733BD28}" dt="2025-11-27T16:15:27.879" v="2909" actId="478"/>
          <ac:spMkLst>
            <pc:docMk/>
            <pc:sldMk cId="2604203220" sldId="272"/>
            <ac:spMk id="19" creationId="{F5192D37-12EF-D081-2F85-687F9B1A25EC}"/>
          </ac:spMkLst>
        </pc:spChg>
        <pc:picChg chg="add mod ord">
          <ac:chgData name="Ádám Zlatniczki" userId="a368d780-563b-48a2-91eb-b61857820a09" providerId="ADAL" clId="{EE47812C-AA54-433D-B6FA-AE6CD733BD28}" dt="2025-11-27T16:15:34.031" v="2925" actId="1036"/>
          <ac:picMkLst>
            <pc:docMk/>
            <pc:sldMk cId="2604203220" sldId="272"/>
            <ac:picMk id="6" creationId="{AADF04CC-54E9-3910-1065-998B17049CBF}"/>
          </ac:picMkLst>
        </pc:picChg>
        <pc:picChg chg="add mod ord">
          <ac:chgData name="Ádám Zlatniczki" userId="a368d780-563b-48a2-91eb-b61857820a09" providerId="ADAL" clId="{EE47812C-AA54-433D-B6FA-AE6CD733BD28}" dt="2025-11-27T15:47:10.239" v="1517" actId="1038"/>
          <ac:picMkLst>
            <pc:docMk/>
            <pc:sldMk cId="2604203220" sldId="272"/>
            <ac:picMk id="8" creationId="{3D2E6182-7C6A-CFE1-3090-2A9109B33255}"/>
          </ac:picMkLst>
        </pc:picChg>
      </pc:sldChg>
      <pc:sldChg chg="addSp delSp modSp new mod">
        <pc:chgData name="Ádám Zlatniczki" userId="a368d780-563b-48a2-91eb-b61857820a09" providerId="ADAL" clId="{EE47812C-AA54-433D-B6FA-AE6CD733BD28}" dt="2025-11-27T16:44:34.335" v="3752" actId="1076"/>
        <pc:sldMkLst>
          <pc:docMk/>
          <pc:sldMk cId="3182892083" sldId="273"/>
        </pc:sldMkLst>
        <pc:spChg chg="mod">
          <ac:chgData name="Ádám Zlatniczki" userId="a368d780-563b-48a2-91eb-b61857820a09" providerId="ADAL" clId="{EE47812C-AA54-433D-B6FA-AE6CD733BD28}" dt="2025-11-27T14:01:54.880" v="161" actId="20577"/>
          <ac:spMkLst>
            <pc:docMk/>
            <pc:sldMk cId="3182892083" sldId="273"/>
            <ac:spMk id="2" creationId="{B5C809C3-C18C-9952-EF0C-318E6E21BCF2}"/>
          </ac:spMkLst>
        </pc:spChg>
        <pc:spChg chg="del">
          <ac:chgData name="Ádám Zlatniczki" userId="a368d780-563b-48a2-91eb-b61857820a09" providerId="ADAL" clId="{EE47812C-AA54-433D-B6FA-AE6CD733BD28}" dt="2025-11-27T16:20:44.427" v="2934" actId="478"/>
          <ac:spMkLst>
            <pc:docMk/>
            <pc:sldMk cId="3182892083" sldId="273"/>
            <ac:spMk id="3" creationId="{94C07394-FA08-7A0F-2EB2-DFE1FB985CC8}"/>
          </ac:spMkLst>
        </pc:spChg>
        <pc:spChg chg="add mod">
          <ac:chgData name="Ádám Zlatniczki" userId="a368d780-563b-48a2-91eb-b61857820a09" providerId="ADAL" clId="{EE47812C-AA54-433D-B6FA-AE6CD733BD28}" dt="2025-11-27T16:42:57.742" v="3671" actId="1035"/>
          <ac:spMkLst>
            <pc:docMk/>
            <pc:sldMk cId="3182892083" sldId="273"/>
            <ac:spMk id="4" creationId="{FBF1D649-A14D-48A2-4F99-1CD1421C6BAF}"/>
          </ac:spMkLst>
        </pc:spChg>
        <pc:spChg chg="add mod">
          <ac:chgData name="Ádám Zlatniczki" userId="a368d780-563b-48a2-91eb-b61857820a09" providerId="ADAL" clId="{EE47812C-AA54-433D-B6FA-AE6CD733BD28}" dt="2025-11-27T16:44:02.504" v="3726" actId="1038"/>
          <ac:spMkLst>
            <pc:docMk/>
            <pc:sldMk cId="3182892083" sldId="273"/>
            <ac:spMk id="5" creationId="{16FA0E30-AD40-11F8-6840-F2CA7FC8B318}"/>
          </ac:spMkLst>
        </pc:spChg>
        <pc:spChg chg="add mod">
          <ac:chgData name="Ádám Zlatniczki" userId="a368d780-563b-48a2-91eb-b61857820a09" providerId="ADAL" clId="{EE47812C-AA54-433D-B6FA-AE6CD733BD28}" dt="2025-11-27T16:44:02.504" v="3726" actId="1038"/>
          <ac:spMkLst>
            <pc:docMk/>
            <pc:sldMk cId="3182892083" sldId="273"/>
            <ac:spMk id="6" creationId="{6B286FA0-1E10-C96A-528C-DCCDB777373D}"/>
          </ac:spMkLst>
        </pc:spChg>
        <pc:spChg chg="add mod">
          <ac:chgData name="Ádám Zlatniczki" userId="a368d780-563b-48a2-91eb-b61857820a09" providerId="ADAL" clId="{EE47812C-AA54-433D-B6FA-AE6CD733BD28}" dt="2025-11-27T16:44:02.504" v="3726" actId="1038"/>
          <ac:spMkLst>
            <pc:docMk/>
            <pc:sldMk cId="3182892083" sldId="273"/>
            <ac:spMk id="7" creationId="{643ACBA4-D16D-25B4-A8B8-E4A6D6C28153}"/>
          </ac:spMkLst>
        </pc:spChg>
        <pc:spChg chg="add mod">
          <ac:chgData name="Ádám Zlatniczki" userId="a368d780-563b-48a2-91eb-b61857820a09" providerId="ADAL" clId="{EE47812C-AA54-433D-B6FA-AE6CD733BD28}" dt="2025-11-27T16:43:10.950" v="3695" actId="1038"/>
          <ac:spMkLst>
            <pc:docMk/>
            <pc:sldMk cId="3182892083" sldId="273"/>
            <ac:spMk id="8" creationId="{0CEE4B26-919D-E56D-4009-22E40BF1FDA6}"/>
          </ac:spMkLst>
        </pc:spChg>
        <pc:spChg chg="add mod">
          <ac:chgData name="Ádám Zlatniczki" userId="a368d780-563b-48a2-91eb-b61857820a09" providerId="ADAL" clId="{EE47812C-AA54-433D-B6FA-AE6CD733BD28}" dt="2025-11-27T16:44:02.504" v="3726" actId="1038"/>
          <ac:spMkLst>
            <pc:docMk/>
            <pc:sldMk cId="3182892083" sldId="273"/>
            <ac:spMk id="9" creationId="{9AA6DA7E-0BEA-6EAF-5A3D-6BE39477FABB}"/>
          </ac:spMkLst>
        </pc:spChg>
        <pc:spChg chg="add mod">
          <ac:chgData name="Ádám Zlatniczki" userId="a368d780-563b-48a2-91eb-b61857820a09" providerId="ADAL" clId="{EE47812C-AA54-433D-B6FA-AE6CD733BD28}" dt="2025-11-27T16:44:02.504" v="3726" actId="1038"/>
          <ac:spMkLst>
            <pc:docMk/>
            <pc:sldMk cId="3182892083" sldId="273"/>
            <ac:spMk id="10" creationId="{2515E9E0-E7AA-3431-FA09-9615BF2BFE57}"/>
          </ac:spMkLst>
        </pc:spChg>
        <pc:spChg chg="add mod ord">
          <ac:chgData name="Ádám Zlatniczki" userId="a368d780-563b-48a2-91eb-b61857820a09" providerId="ADAL" clId="{EE47812C-AA54-433D-B6FA-AE6CD733BD28}" dt="2025-11-27T16:44:02.504" v="3726" actId="1038"/>
          <ac:spMkLst>
            <pc:docMk/>
            <pc:sldMk cId="3182892083" sldId="273"/>
            <ac:spMk id="29" creationId="{0EC433F3-905E-35BD-2BDD-F2F32387291E}"/>
          </ac:spMkLst>
        </pc:spChg>
        <pc:spChg chg="add mod ord">
          <ac:chgData name="Ádám Zlatniczki" userId="a368d780-563b-48a2-91eb-b61857820a09" providerId="ADAL" clId="{EE47812C-AA54-433D-B6FA-AE6CD733BD28}" dt="2025-11-27T16:44:02.504" v="3726" actId="1038"/>
          <ac:spMkLst>
            <pc:docMk/>
            <pc:sldMk cId="3182892083" sldId="273"/>
            <ac:spMk id="30" creationId="{C7E72006-3E40-F63F-560B-22E84A87A834}"/>
          </ac:spMkLst>
        </pc:spChg>
        <pc:spChg chg="add mod ord">
          <ac:chgData name="Ádám Zlatniczki" userId="a368d780-563b-48a2-91eb-b61857820a09" providerId="ADAL" clId="{EE47812C-AA54-433D-B6FA-AE6CD733BD28}" dt="2025-11-27T16:44:02.504" v="3726" actId="1038"/>
          <ac:spMkLst>
            <pc:docMk/>
            <pc:sldMk cId="3182892083" sldId="273"/>
            <ac:spMk id="31" creationId="{43529261-2090-CE0D-EFDC-534062FA3ACE}"/>
          </ac:spMkLst>
        </pc:spChg>
        <pc:spChg chg="add mod ord">
          <ac:chgData name="Ádám Zlatniczki" userId="a368d780-563b-48a2-91eb-b61857820a09" providerId="ADAL" clId="{EE47812C-AA54-433D-B6FA-AE6CD733BD28}" dt="2025-11-27T16:43:10.950" v="3695" actId="1038"/>
          <ac:spMkLst>
            <pc:docMk/>
            <pc:sldMk cId="3182892083" sldId="273"/>
            <ac:spMk id="32" creationId="{43D332AF-4D53-3CE4-8BCD-58BAC3B9AD32}"/>
          </ac:spMkLst>
        </pc:spChg>
        <pc:spChg chg="add mod ord">
          <ac:chgData name="Ádám Zlatniczki" userId="a368d780-563b-48a2-91eb-b61857820a09" providerId="ADAL" clId="{EE47812C-AA54-433D-B6FA-AE6CD733BD28}" dt="2025-11-27T16:44:02.504" v="3726" actId="1038"/>
          <ac:spMkLst>
            <pc:docMk/>
            <pc:sldMk cId="3182892083" sldId="273"/>
            <ac:spMk id="33" creationId="{777362BD-BCAC-04FF-581F-87DD360312C6}"/>
          </ac:spMkLst>
        </pc:spChg>
        <pc:spChg chg="add mod ord">
          <ac:chgData name="Ádám Zlatniczki" userId="a368d780-563b-48a2-91eb-b61857820a09" providerId="ADAL" clId="{EE47812C-AA54-433D-B6FA-AE6CD733BD28}" dt="2025-11-27T16:43:10.950" v="3695" actId="1038"/>
          <ac:spMkLst>
            <pc:docMk/>
            <pc:sldMk cId="3182892083" sldId="273"/>
            <ac:spMk id="34" creationId="{5229EBC3-D22A-E920-3D31-828D478BB0AC}"/>
          </ac:spMkLst>
        </pc:spChg>
        <pc:spChg chg="add mod">
          <ac:chgData name="Ádám Zlatniczki" userId="a368d780-563b-48a2-91eb-b61857820a09" providerId="ADAL" clId="{EE47812C-AA54-433D-B6FA-AE6CD733BD28}" dt="2025-11-27T16:44:02.504" v="3726" actId="1038"/>
          <ac:spMkLst>
            <pc:docMk/>
            <pc:sldMk cId="3182892083" sldId="273"/>
            <ac:spMk id="35" creationId="{1BB98519-C21F-B1E0-68D4-8B4D0E989D8F}"/>
          </ac:spMkLst>
        </pc:spChg>
        <pc:spChg chg="add mod">
          <ac:chgData name="Ádám Zlatniczki" userId="a368d780-563b-48a2-91eb-b61857820a09" providerId="ADAL" clId="{EE47812C-AA54-433D-B6FA-AE6CD733BD28}" dt="2025-11-27T16:44:34.335" v="3752" actId="1076"/>
          <ac:spMkLst>
            <pc:docMk/>
            <pc:sldMk cId="3182892083" sldId="273"/>
            <ac:spMk id="36" creationId="{9745AF22-28E9-2954-32D3-BA255A28B0FA}"/>
          </ac:spMkLst>
        </pc:spChg>
        <pc:picChg chg="add del mod ord">
          <ac:chgData name="Ádám Zlatniczki" userId="a368d780-563b-48a2-91eb-b61857820a09" providerId="ADAL" clId="{EE47812C-AA54-433D-B6FA-AE6CD733BD28}" dt="2025-11-27T16:33:17.284" v="3309" actId="478"/>
          <ac:picMkLst>
            <pc:docMk/>
            <pc:sldMk cId="3182892083" sldId="273"/>
            <ac:picMk id="12" creationId="{37FB5A08-9D03-71EF-AA32-CB9A8FD07790}"/>
          </ac:picMkLst>
        </pc:picChg>
        <pc:picChg chg="add mod ord">
          <ac:chgData name="Ádám Zlatniczki" userId="a368d780-563b-48a2-91eb-b61857820a09" providerId="ADAL" clId="{EE47812C-AA54-433D-B6FA-AE6CD733BD28}" dt="2025-11-27T16:42:06.932" v="3573" actId="1036"/>
          <ac:picMkLst>
            <pc:docMk/>
            <pc:sldMk cId="3182892083" sldId="273"/>
            <ac:picMk id="14" creationId="{E1682C68-209E-D061-981E-BAD2AB19AFAA}"/>
          </ac:picMkLst>
        </pc:picChg>
        <pc:picChg chg="add mod ord modCrop">
          <ac:chgData name="Ádám Zlatniczki" userId="a368d780-563b-48a2-91eb-b61857820a09" providerId="ADAL" clId="{EE47812C-AA54-433D-B6FA-AE6CD733BD28}" dt="2025-11-27T16:37:30.382" v="3404" actId="1076"/>
          <ac:picMkLst>
            <pc:docMk/>
            <pc:sldMk cId="3182892083" sldId="273"/>
            <ac:picMk id="16" creationId="{E5FF0A25-F75B-6121-BA7A-F3E6CD4D1657}"/>
          </ac:picMkLst>
        </pc:picChg>
        <pc:picChg chg="add mod ord">
          <ac:chgData name="Ádám Zlatniczki" userId="a368d780-563b-48a2-91eb-b61857820a09" providerId="ADAL" clId="{EE47812C-AA54-433D-B6FA-AE6CD733BD28}" dt="2025-11-27T16:41:50.274" v="3526" actId="1035"/>
          <ac:picMkLst>
            <pc:docMk/>
            <pc:sldMk cId="3182892083" sldId="273"/>
            <ac:picMk id="18" creationId="{69A49F9B-CFE4-FF99-6C33-5E595EDF8AF9}"/>
          </ac:picMkLst>
        </pc:picChg>
        <pc:picChg chg="add del mod ord">
          <ac:chgData name="Ádám Zlatniczki" userId="a368d780-563b-48a2-91eb-b61857820a09" providerId="ADAL" clId="{EE47812C-AA54-433D-B6FA-AE6CD733BD28}" dt="2025-11-27T16:36:47.463" v="3385" actId="478"/>
          <ac:picMkLst>
            <pc:docMk/>
            <pc:sldMk cId="3182892083" sldId="273"/>
            <ac:picMk id="20" creationId="{8454F813-9581-059C-B429-2BB47076470C}"/>
          </ac:picMkLst>
        </pc:picChg>
        <pc:picChg chg="add del mod ord">
          <ac:chgData name="Ádám Zlatniczki" userId="a368d780-563b-48a2-91eb-b61857820a09" providerId="ADAL" clId="{EE47812C-AA54-433D-B6FA-AE6CD733BD28}" dt="2025-11-27T16:36:47.463" v="3385" actId="478"/>
          <ac:picMkLst>
            <pc:docMk/>
            <pc:sldMk cId="3182892083" sldId="273"/>
            <ac:picMk id="22" creationId="{A41330EE-93FF-534A-E9BB-8D9FF1F77165}"/>
          </ac:picMkLst>
        </pc:picChg>
        <pc:picChg chg="add mod ord">
          <ac:chgData name="Ádám Zlatniczki" userId="a368d780-563b-48a2-91eb-b61857820a09" providerId="ADAL" clId="{EE47812C-AA54-433D-B6FA-AE6CD733BD28}" dt="2025-11-27T16:42:27.961" v="3618" actId="1035"/>
          <ac:picMkLst>
            <pc:docMk/>
            <pc:sldMk cId="3182892083" sldId="273"/>
            <ac:picMk id="24" creationId="{9FF0F385-81D1-417E-7084-EE2B3492744D}"/>
          </ac:picMkLst>
        </pc:picChg>
        <pc:picChg chg="add mod ord">
          <ac:chgData name="Ádám Zlatniczki" userId="a368d780-563b-48a2-91eb-b61857820a09" providerId="ADAL" clId="{EE47812C-AA54-433D-B6FA-AE6CD733BD28}" dt="2025-11-27T16:41:31.137" v="3489" actId="1036"/>
          <ac:picMkLst>
            <pc:docMk/>
            <pc:sldMk cId="3182892083" sldId="273"/>
            <ac:picMk id="26" creationId="{3E9FF6AD-76CE-85D3-4438-75EDC967F18F}"/>
          </ac:picMkLst>
        </pc:picChg>
        <pc:picChg chg="add mod ord">
          <ac:chgData name="Ádám Zlatniczki" userId="a368d780-563b-48a2-91eb-b61857820a09" providerId="ADAL" clId="{EE47812C-AA54-433D-B6FA-AE6CD733BD28}" dt="2025-11-27T16:38:56.902" v="3418" actId="14100"/>
          <ac:picMkLst>
            <pc:docMk/>
            <pc:sldMk cId="3182892083" sldId="273"/>
            <ac:picMk id="28" creationId="{2B726DD7-21F3-6E5A-4DB8-C005FB1B60D0}"/>
          </ac:picMkLst>
        </pc:picChg>
      </pc:sldChg>
      <pc:sldChg chg="addSp delSp modSp new mod">
        <pc:chgData name="Ádám Zlatniczki" userId="a368d780-563b-48a2-91eb-b61857820a09" providerId="ADAL" clId="{EE47812C-AA54-433D-B6FA-AE6CD733BD28}" dt="2025-11-28T08:08:58.282" v="4850" actId="207"/>
        <pc:sldMkLst>
          <pc:docMk/>
          <pc:sldMk cId="2444808363" sldId="274"/>
        </pc:sldMkLst>
        <pc:spChg chg="mod">
          <ac:chgData name="Ádám Zlatniczki" userId="a368d780-563b-48a2-91eb-b61857820a09" providerId="ADAL" clId="{EE47812C-AA54-433D-B6FA-AE6CD733BD28}" dt="2025-11-27T16:50:27.487" v="3824" actId="20577"/>
          <ac:spMkLst>
            <pc:docMk/>
            <pc:sldMk cId="2444808363" sldId="274"/>
            <ac:spMk id="2" creationId="{2CCA378F-5E3C-2647-EB32-09015108CAD4}"/>
          </ac:spMkLst>
        </pc:spChg>
        <pc:spChg chg="del">
          <ac:chgData name="Ádám Zlatniczki" userId="a368d780-563b-48a2-91eb-b61857820a09" providerId="ADAL" clId="{EE47812C-AA54-433D-B6FA-AE6CD733BD28}" dt="2025-11-27T16:46:20.514" v="3812" actId="478"/>
          <ac:spMkLst>
            <pc:docMk/>
            <pc:sldMk cId="2444808363" sldId="274"/>
            <ac:spMk id="3" creationId="{D05EA42E-175C-54E1-CAF8-7F56F025F3D0}"/>
          </ac:spMkLst>
        </pc:spChg>
        <pc:graphicFrameChg chg="add mod">
          <ac:chgData name="Ádám Zlatniczki" userId="a368d780-563b-48a2-91eb-b61857820a09" providerId="ADAL" clId="{EE47812C-AA54-433D-B6FA-AE6CD733BD28}" dt="2025-11-28T08:08:58.282" v="4850" actId="207"/>
          <ac:graphicFrameMkLst>
            <pc:docMk/>
            <pc:sldMk cId="2444808363" sldId="274"/>
            <ac:graphicFrameMk id="4" creationId="{4ADFD987-C1C3-C226-894A-41A2E239EE59}"/>
          </ac:graphicFrameMkLst>
        </pc:graphicFrameChg>
      </pc:sldChg>
      <pc:sldChg chg="addSp delSp modSp new mod">
        <pc:chgData name="Ádám Zlatniczki" userId="a368d780-563b-48a2-91eb-b61857820a09" providerId="ADAL" clId="{EE47812C-AA54-433D-B6FA-AE6CD733BD28}" dt="2025-11-28T08:14:19.547" v="4851" actId="1076"/>
        <pc:sldMkLst>
          <pc:docMk/>
          <pc:sldMk cId="3652707986" sldId="275"/>
        </pc:sldMkLst>
        <pc:spChg chg="mod">
          <ac:chgData name="Ádám Zlatniczki" userId="a368d780-563b-48a2-91eb-b61857820a09" providerId="ADAL" clId="{EE47812C-AA54-433D-B6FA-AE6CD733BD28}" dt="2025-11-28T08:05:09.666" v="4772" actId="20577"/>
          <ac:spMkLst>
            <pc:docMk/>
            <pc:sldMk cId="3652707986" sldId="275"/>
            <ac:spMk id="2" creationId="{0A01C205-8362-DEB1-B2FB-9AD0AA5F7143}"/>
          </ac:spMkLst>
        </pc:spChg>
        <pc:spChg chg="add del">
          <ac:chgData name="Ádám Zlatniczki" userId="a368d780-563b-48a2-91eb-b61857820a09" providerId="ADAL" clId="{EE47812C-AA54-433D-B6FA-AE6CD733BD28}" dt="2025-11-28T08:04:56.942" v="4755" actId="478"/>
          <ac:spMkLst>
            <pc:docMk/>
            <pc:sldMk cId="3652707986" sldId="275"/>
            <ac:spMk id="3" creationId="{DE867606-4143-61A4-AAA3-B3C92EA59A11}"/>
          </ac:spMkLst>
        </pc:spChg>
        <pc:spChg chg="del">
          <ac:chgData name="Ádám Zlatniczki" userId="a368d780-563b-48a2-91eb-b61857820a09" providerId="ADAL" clId="{EE47812C-AA54-433D-B6FA-AE6CD733BD28}" dt="2025-11-28T08:05:04.564" v="4757" actId="478"/>
          <ac:spMkLst>
            <pc:docMk/>
            <pc:sldMk cId="3652707986" sldId="275"/>
            <ac:spMk id="4" creationId="{4643E9B0-EAB5-AE37-90D2-90BD19E9161E}"/>
          </ac:spMkLst>
        </pc:spChg>
        <pc:spChg chg="add mod">
          <ac:chgData name="Ádám Zlatniczki" userId="a368d780-563b-48a2-91eb-b61857820a09" providerId="ADAL" clId="{EE47812C-AA54-433D-B6FA-AE6CD733BD28}" dt="2025-11-28T08:04:57.998" v="4756"/>
          <ac:spMkLst>
            <pc:docMk/>
            <pc:sldMk cId="3652707986" sldId="275"/>
            <ac:spMk id="5" creationId="{6117513D-4F50-77DB-FDF5-56B730E80701}"/>
          </ac:spMkLst>
        </pc:spChg>
        <pc:spChg chg="mod">
          <ac:chgData name="Ádám Zlatniczki" userId="a368d780-563b-48a2-91eb-b61857820a09" providerId="ADAL" clId="{EE47812C-AA54-433D-B6FA-AE6CD733BD28}" dt="2025-11-28T08:14:19.547" v="4851" actId="1076"/>
          <ac:spMkLst>
            <pc:docMk/>
            <pc:sldMk cId="3652707986" sldId="275"/>
            <ac:spMk id="6" creationId="{26473774-CEAC-5995-CB35-13FB9B31792C}"/>
          </ac:spMkLst>
        </pc:spChg>
        <pc:spChg chg="add mod">
          <ac:chgData name="Ádám Zlatniczki" userId="a368d780-563b-48a2-91eb-b61857820a09" providerId="ADAL" clId="{EE47812C-AA54-433D-B6FA-AE6CD733BD28}" dt="2025-11-28T08:14:19.547" v="4851" actId="1076"/>
          <ac:spMkLst>
            <pc:docMk/>
            <pc:sldMk cId="3652707986" sldId="275"/>
            <ac:spMk id="9" creationId="{B99AD33D-C15B-40CF-778B-AEC887ACF29C}"/>
          </ac:spMkLst>
        </pc:spChg>
        <pc:spChg chg="mod">
          <ac:chgData name="Ádám Zlatniczki" userId="a368d780-563b-48a2-91eb-b61857820a09" providerId="ADAL" clId="{EE47812C-AA54-433D-B6FA-AE6CD733BD28}" dt="2025-11-28T08:14:19.547" v="4851" actId="1076"/>
          <ac:spMkLst>
            <pc:docMk/>
            <pc:sldMk cId="3652707986" sldId="275"/>
            <ac:spMk id="10" creationId="{F99E6E54-4D8D-AEE5-2554-C03C059D40D3}"/>
          </ac:spMkLst>
        </pc:spChg>
        <pc:spChg chg="mod">
          <ac:chgData name="Ádám Zlatniczki" userId="a368d780-563b-48a2-91eb-b61857820a09" providerId="ADAL" clId="{EE47812C-AA54-433D-B6FA-AE6CD733BD28}" dt="2025-11-28T08:14:19.547" v="4851" actId="1076"/>
          <ac:spMkLst>
            <pc:docMk/>
            <pc:sldMk cId="3652707986" sldId="275"/>
            <ac:spMk id="16" creationId="{3658975D-750C-27E8-A237-0DA7567E0467}"/>
          </ac:spMkLst>
        </pc:spChg>
        <pc:spChg chg="add mod">
          <ac:chgData name="Ádám Zlatniczki" userId="a368d780-563b-48a2-91eb-b61857820a09" providerId="ADAL" clId="{EE47812C-AA54-433D-B6FA-AE6CD733BD28}" dt="2025-11-28T08:04:57.998" v="4756"/>
          <ac:spMkLst>
            <pc:docMk/>
            <pc:sldMk cId="3652707986" sldId="275"/>
            <ac:spMk id="17" creationId="{291C9A51-C2D8-BAD0-AA19-FC8EE8C96CE6}"/>
          </ac:spMkLst>
        </pc:spChg>
        <pc:spChg chg="add mod">
          <ac:chgData name="Ádám Zlatniczki" userId="a368d780-563b-48a2-91eb-b61857820a09" providerId="ADAL" clId="{EE47812C-AA54-433D-B6FA-AE6CD733BD28}" dt="2025-11-28T08:14:19.547" v="4851" actId="1076"/>
          <ac:spMkLst>
            <pc:docMk/>
            <pc:sldMk cId="3652707986" sldId="275"/>
            <ac:spMk id="18" creationId="{13A5FBAD-ACE1-F602-A09F-E2F396DB21ED}"/>
          </ac:spMkLst>
        </pc:spChg>
        <pc:spChg chg="mod">
          <ac:chgData name="Ádám Zlatniczki" userId="a368d780-563b-48a2-91eb-b61857820a09" providerId="ADAL" clId="{EE47812C-AA54-433D-B6FA-AE6CD733BD28}" dt="2025-11-28T08:14:19.547" v="4851" actId="1076"/>
          <ac:spMkLst>
            <pc:docMk/>
            <pc:sldMk cId="3652707986" sldId="275"/>
            <ac:spMk id="20" creationId="{7BF37E06-3ACA-3ED7-17FC-FD788702D349}"/>
          </ac:spMkLst>
        </pc:spChg>
        <pc:spChg chg="add mod">
          <ac:chgData name="Ádám Zlatniczki" userId="a368d780-563b-48a2-91eb-b61857820a09" providerId="ADAL" clId="{EE47812C-AA54-433D-B6FA-AE6CD733BD28}" dt="2025-11-28T08:04:57.998" v="4756"/>
          <ac:spMkLst>
            <pc:docMk/>
            <pc:sldMk cId="3652707986" sldId="275"/>
            <ac:spMk id="21" creationId="{D07F0A06-0C64-6E92-3AF5-B29FA7AC2022}"/>
          </ac:spMkLst>
        </pc:spChg>
        <pc:spChg chg="add mod">
          <ac:chgData name="Ádám Zlatniczki" userId="a368d780-563b-48a2-91eb-b61857820a09" providerId="ADAL" clId="{EE47812C-AA54-433D-B6FA-AE6CD733BD28}" dt="2025-11-28T08:14:19.547" v="4851" actId="1076"/>
          <ac:spMkLst>
            <pc:docMk/>
            <pc:sldMk cId="3652707986" sldId="275"/>
            <ac:spMk id="22" creationId="{3C1F7CD0-3157-32CF-B27B-DAE116BC202A}"/>
          </ac:spMkLst>
        </pc:spChg>
        <pc:spChg chg="add mod">
          <ac:chgData name="Ádám Zlatniczki" userId="a368d780-563b-48a2-91eb-b61857820a09" providerId="ADAL" clId="{EE47812C-AA54-433D-B6FA-AE6CD733BD28}" dt="2025-11-28T08:04:57.998" v="4756"/>
          <ac:spMkLst>
            <pc:docMk/>
            <pc:sldMk cId="3652707986" sldId="275"/>
            <ac:spMk id="24" creationId="{7EB71F83-85AD-1164-B5E7-D2BD21268A28}"/>
          </ac:spMkLst>
        </pc:spChg>
        <pc:spChg chg="mod">
          <ac:chgData name="Ádám Zlatniczki" userId="a368d780-563b-48a2-91eb-b61857820a09" providerId="ADAL" clId="{EE47812C-AA54-433D-B6FA-AE6CD733BD28}" dt="2025-11-28T08:14:19.547" v="4851" actId="1076"/>
          <ac:spMkLst>
            <pc:docMk/>
            <pc:sldMk cId="3652707986" sldId="275"/>
            <ac:spMk id="25" creationId="{85635979-233B-F23B-BBAA-1B5B1BE665F5}"/>
          </ac:spMkLst>
        </pc:spChg>
        <pc:spChg chg="add mod">
          <ac:chgData name="Ádám Zlatniczki" userId="a368d780-563b-48a2-91eb-b61857820a09" providerId="ADAL" clId="{EE47812C-AA54-433D-B6FA-AE6CD733BD28}" dt="2025-11-28T08:04:57.998" v="4756"/>
          <ac:spMkLst>
            <pc:docMk/>
            <pc:sldMk cId="3652707986" sldId="275"/>
            <ac:spMk id="26" creationId="{276610FA-80CE-8D58-3815-80247CC52271}"/>
          </ac:spMkLst>
        </pc:spChg>
        <pc:spChg chg="mod">
          <ac:chgData name="Ádám Zlatniczki" userId="a368d780-563b-48a2-91eb-b61857820a09" providerId="ADAL" clId="{EE47812C-AA54-433D-B6FA-AE6CD733BD28}" dt="2025-11-28T08:14:19.547" v="4851" actId="1076"/>
          <ac:spMkLst>
            <pc:docMk/>
            <pc:sldMk cId="3652707986" sldId="275"/>
            <ac:spMk id="27" creationId="{E2B8EA3D-DFAE-FD27-E7D9-78BB589C3F32}"/>
          </ac:spMkLst>
        </pc:spChg>
        <pc:spChg chg="add mod">
          <ac:chgData name="Ádám Zlatniczki" userId="a368d780-563b-48a2-91eb-b61857820a09" providerId="ADAL" clId="{EE47812C-AA54-433D-B6FA-AE6CD733BD28}" dt="2025-11-28T08:04:57.998" v="4756"/>
          <ac:spMkLst>
            <pc:docMk/>
            <pc:sldMk cId="3652707986" sldId="275"/>
            <ac:spMk id="28" creationId="{6175301E-95D2-DDE8-1E05-57C448A5A243}"/>
          </ac:spMkLst>
        </pc:spChg>
        <pc:spChg chg="add mod">
          <ac:chgData name="Ádám Zlatniczki" userId="a368d780-563b-48a2-91eb-b61857820a09" providerId="ADAL" clId="{EE47812C-AA54-433D-B6FA-AE6CD733BD28}" dt="2025-11-28T08:14:19.547" v="4851" actId="1076"/>
          <ac:spMkLst>
            <pc:docMk/>
            <pc:sldMk cId="3652707986" sldId="275"/>
            <ac:spMk id="30" creationId="{F7C0A1CE-2162-93A4-71BB-653D35BF3A49}"/>
          </ac:spMkLst>
        </pc:spChg>
      </pc:sldChg>
      <pc:sldChg chg="addSp delSp modSp add mod">
        <pc:chgData name="Ádám Zlatniczki" userId="a368d780-563b-48a2-91eb-b61857820a09" providerId="ADAL" clId="{EE47812C-AA54-433D-B6FA-AE6CD733BD28}" dt="2025-11-27T15:52:08.808" v="1593" actId="1035"/>
        <pc:sldMkLst>
          <pc:docMk/>
          <pc:sldMk cId="609217272" sldId="276"/>
        </pc:sldMkLst>
        <pc:spChg chg="mod">
          <ac:chgData name="Ádám Zlatniczki" userId="a368d780-563b-48a2-91eb-b61857820a09" providerId="ADAL" clId="{EE47812C-AA54-433D-B6FA-AE6CD733BD28}" dt="2025-11-27T15:52:08.808" v="1593" actId="1035"/>
          <ac:spMkLst>
            <pc:docMk/>
            <pc:sldMk cId="609217272" sldId="276"/>
            <ac:spMk id="3" creationId="{EA885631-0437-6F16-E65D-5838F7D9CEF1}"/>
          </ac:spMkLst>
        </pc:spChg>
        <pc:spChg chg="add mod">
          <ac:chgData name="Ádám Zlatniczki" userId="a368d780-563b-48a2-91eb-b61857820a09" providerId="ADAL" clId="{EE47812C-AA54-433D-B6FA-AE6CD733BD28}" dt="2025-11-27T14:29:33.963" v="783" actId="1038"/>
          <ac:spMkLst>
            <pc:docMk/>
            <pc:sldMk cId="609217272" sldId="276"/>
            <ac:spMk id="21" creationId="{4BADFCFD-5D87-ADD3-5B1B-DBFCA7C0E18D}"/>
          </ac:spMkLst>
        </pc:spChg>
        <pc:spChg chg="add mod">
          <ac:chgData name="Ádám Zlatniczki" userId="a368d780-563b-48a2-91eb-b61857820a09" providerId="ADAL" clId="{EE47812C-AA54-433D-B6FA-AE6CD733BD28}" dt="2025-11-27T14:29:33.963" v="783" actId="1038"/>
          <ac:spMkLst>
            <pc:docMk/>
            <pc:sldMk cId="609217272" sldId="276"/>
            <ac:spMk id="22" creationId="{E30174CB-F2D3-E579-BA45-D80EC8E1C91B}"/>
          </ac:spMkLst>
        </pc:spChg>
        <pc:spChg chg="add mod">
          <ac:chgData name="Ádám Zlatniczki" userId="a368d780-563b-48a2-91eb-b61857820a09" providerId="ADAL" clId="{EE47812C-AA54-433D-B6FA-AE6CD733BD28}" dt="2025-11-27T14:29:33.963" v="783" actId="1038"/>
          <ac:spMkLst>
            <pc:docMk/>
            <pc:sldMk cId="609217272" sldId="276"/>
            <ac:spMk id="23" creationId="{97D8214B-056F-077C-C229-AAFC21962ECA}"/>
          </ac:spMkLst>
        </pc:spChg>
        <pc:spChg chg="add mod">
          <ac:chgData name="Ádám Zlatniczki" userId="a368d780-563b-48a2-91eb-b61857820a09" providerId="ADAL" clId="{EE47812C-AA54-433D-B6FA-AE6CD733BD28}" dt="2025-11-27T14:29:33.963" v="783" actId="1038"/>
          <ac:spMkLst>
            <pc:docMk/>
            <pc:sldMk cId="609217272" sldId="276"/>
            <ac:spMk id="24" creationId="{909B9192-E0E9-1449-D76E-7F4AC5CF1383}"/>
          </ac:spMkLst>
        </pc:spChg>
        <pc:spChg chg="add mod">
          <ac:chgData name="Ádám Zlatniczki" userId="a368d780-563b-48a2-91eb-b61857820a09" providerId="ADAL" clId="{EE47812C-AA54-433D-B6FA-AE6CD733BD28}" dt="2025-11-27T14:29:33.963" v="783" actId="1038"/>
          <ac:spMkLst>
            <pc:docMk/>
            <pc:sldMk cId="609217272" sldId="276"/>
            <ac:spMk id="25" creationId="{1B65F4F5-0AA1-10AA-7288-794F44A780BE}"/>
          </ac:spMkLst>
        </pc:spChg>
        <pc:spChg chg="add mod">
          <ac:chgData name="Ádám Zlatniczki" userId="a368d780-563b-48a2-91eb-b61857820a09" providerId="ADAL" clId="{EE47812C-AA54-433D-B6FA-AE6CD733BD28}" dt="2025-11-27T15:51:58.982" v="1577" actId="1035"/>
          <ac:spMkLst>
            <pc:docMk/>
            <pc:sldMk cId="609217272" sldId="276"/>
            <ac:spMk id="26" creationId="{2035CA96-D0C4-B5BA-2701-1D7F5A31EB95}"/>
          </ac:spMkLst>
        </pc:spChg>
        <pc:spChg chg="add mod ord">
          <ac:chgData name="Ádám Zlatniczki" userId="a368d780-563b-48a2-91eb-b61857820a09" providerId="ADAL" clId="{EE47812C-AA54-433D-B6FA-AE6CD733BD28}" dt="2025-11-27T14:29:33.963" v="783" actId="1038"/>
          <ac:spMkLst>
            <pc:docMk/>
            <pc:sldMk cId="609217272" sldId="276"/>
            <ac:spMk id="27" creationId="{483BEB1E-C3AA-202C-88CE-C5102475BC52}"/>
          </ac:spMkLst>
        </pc:spChg>
        <pc:spChg chg="add mod ord">
          <ac:chgData name="Ádám Zlatniczki" userId="a368d780-563b-48a2-91eb-b61857820a09" providerId="ADAL" clId="{EE47812C-AA54-433D-B6FA-AE6CD733BD28}" dt="2025-11-27T14:29:33.963" v="783" actId="1038"/>
          <ac:spMkLst>
            <pc:docMk/>
            <pc:sldMk cId="609217272" sldId="276"/>
            <ac:spMk id="28" creationId="{AC372D97-E32F-D9D9-BCFE-983E72AD8304}"/>
          </ac:spMkLst>
        </pc:spChg>
        <pc:spChg chg="add mod ord">
          <ac:chgData name="Ádám Zlatniczki" userId="a368d780-563b-48a2-91eb-b61857820a09" providerId="ADAL" clId="{EE47812C-AA54-433D-B6FA-AE6CD733BD28}" dt="2025-11-27T14:29:33.963" v="783" actId="1038"/>
          <ac:spMkLst>
            <pc:docMk/>
            <pc:sldMk cId="609217272" sldId="276"/>
            <ac:spMk id="29" creationId="{983977D6-0EAE-0B20-18E3-A89F7E511C30}"/>
          </ac:spMkLst>
        </pc:spChg>
        <pc:spChg chg="add mod ord">
          <ac:chgData name="Ádám Zlatniczki" userId="a368d780-563b-48a2-91eb-b61857820a09" providerId="ADAL" clId="{EE47812C-AA54-433D-B6FA-AE6CD733BD28}" dt="2025-11-27T14:29:33.963" v="783" actId="1038"/>
          <ac:spMkLst>
            <pc:docMk/>
            <pc:sldMk cId="609217272" sldId="276"/>
            <ac:spMk id="30" creationId="{24A55113-0CC8-20FD-2E67-3926CA8405FF}"/>
          </ac:spMkLst>
        </pc:spChg>
        <pc:spChg chg="add mod ord">
          <ac:chgData name="Ádám Zlatniczki" userId="a368d780-563b-48a2-91eb-b61857820a09" providerId="ADAL" clId="{EE47812C-AA54-433D-B6FA-AE6CD733BD28}" dt="2025-11-27T14:29:33.963" v="783" actId="1038"/>
          <ac:spMkLst>
            <pc:docMk/>
            <pc:sldMk cId="609217272" sldId="276"/>
            <ac:spMk id="31" creationId="{279ABAF7-D753-1C1A-0084-491811D01244}"/>
          </ac:spMkLst>
        </pc:spChg>
        <pc:picChg chg="add mod ord">
          <ac:chgData name="Ádám Zlatniczki" userId="a368d780-563b-48a2-91eb-b61857820a09" providerId="ADAL" clId="{EE47812C-AA54-433D-B6FA-AE6CD733BD28}" dt="2025-11-27T14:17:26.977" v="496" actId="1038"/>
          <ac:picMkLst>
            <pc:docMk/>
            <pc:sldMk cId="609217272" sldId="276"/>
            <ac:picMk id="4" creationId="{3F427B6F-B043-EA2F-1FCF-C4751034ECAB}"/>
          </ac:picMkLst>
        </pc:picChg>
        <pc:picChg chg="add mod ord">
          <ac:chgData name="Ádám Zlatniczki" userId="a368d780-563b-48a2-91eb-b61857820a09" providerId="ADAL" clId="{EE47812C-AA54-433D-B6FA-AE6CD733BD28}" dt="2025-11-27T14:28:45.823" v="750" actId="1037"/>
          <ac:picMkLst>
            <pc:docMk/>
            <pc:sldMk cId="609217272" sldId="276"/>
            <ac:picMk id="6" creationId="{144D4C39-FB25-9D1F-C00C-0DE3D4646068}"/>
          </ac:picMkLst>
        </pc:picChg>
        <pc:picChg chg="add mod ord">
          <ac:chgData name="Ádám Zlatniczki" userId="a368d780-563b-48a2-91eb-b61857820a09" providerId="ADAL" clId="{EE47812C-AA54-433D-B6FA-AE6CD733BD28}" dt="2025-11-27T14:17:26.977" v="496" actId="1038"/>
          <ac:picMkLst>
            <pc:docMk/>
            <pc:sldMk cId="609217272" sldId="276"/>
            <ac:picMk id="8" creationId="{2E40D375-A9AA-EF00-75AE-CBBB9C5158B4}"/>
          </ac:picMkLst>
        </pc:picChg>
        <pc:picChg chg="add del mod ord">
          <ac:chgData name="Ádám Zlatniczki" userId="a368d780-563b-48a2-91eb-b61857820a09" providerId="ADAL" clId="{EE47812C-AA54-433D-B6FA-AE6CD733BD28}" dt="2025-11-27T14:11:30.617" v="300" actId="478"/>
          <ac:picMkLst>
            <pc:docMk/>
            <pc:sldMk cId="609217272" sldId="276"/>
            <ac:picMk id="11" creationId="{5234166F-0467-69F7-C722-5C4D8D1C55F1}"/>
          </ac:picMkLst>
        </pc:picChg>
        <pc:picChg chg="add del mod ord">
          <ac:chgData name="Ádám Zlatniczki" userId="a368d780-563b-48a2-91eb-b61857820a09" providerId="ADAL" clId="{EE47812C-AA54-433D-B6FA-AE6CD733BD28}" dt="2025-11-27T14:17:26.977" v="496" actId="1038"/>
          <ac:picMkLst>
            <pc:docMk/>
            <pc:sldMk cId="609217272" sldId="276"/>
            <ac:picMk id="13" creationId="{F33AE714-B6FA-BD5A-C38B-AC3F2B4F129F}"/>
          </ac:picMkLst>
        </pc:picChg>
        <pc:picChg chg="add mod">
          <ac:chgData name="Ádám Zlatniczki" userId="a368d780-563b-48a2-91eb-b61857820a09" providerId="ADAL" clId="{EE47812C-AA54-433D-B6FA-AE6CD733BD28}" dt="2025-11-27T14:11:51.313" v="349"/>
          <ac:picMkLst>
            <pc:docMk/>
            <pc:sldMk cId="609217272" sldId="276"/>
            <ac:picMk id="15" creationId="{BE58C691-0B65-BAC9-D79A-D6E57994F197}"/>
          </ac:picMkLst>
        </pc:picChg>
        <pc:picChg chg="add del mod ord">
          <ac:chgData name="Ádám Zlatniczki" userId="a368d780-563b-48a2-91eb-b61857820a09" providerId="ADAL" clId="{EE47812C-AA54-433D-B6FA-AE6CD733BD28}" dt="2025-11-27T14:12:11.677" v="379" actId="478"/>
          <ac:picMkLst>
            <pc:docMk/>
            <pc:sldMk cId="609217272" sldId="276"/>
            <ac:picMk id="17" creationId="{FB2E9DBC-EC96-B652-ADAC-AD2575BC72BA}"/>
          </ac:picMkLst>
        </pc:picChg>
        <pc:picChg chg="add mod ord">
          <ac:chgData name="Ádám Zlatniczki" userId="a368d780-563b-48a2-91eb-b61857820a09" providerId="ADAL" clId="{EE47812C-AA54-433D-B6FA-AE6CD733BD28}" dt="2025-11-27T14:28:32.570" v="743" actId="1038"/>
          <ac:picMkLst>
            <pc:docMk/>
            <pc:sldMk cId="609217272" sldId="276"/>
            <ac:picMk id="19" creationId="{A84C39B0-2F8A-76EB-5E45-9182D99C1E47}"/>
          </ac:picMkLst>
        </pc:picChg>
      </pc:sldChg>
      <pc:sldChg chg="modSp add del mod">
        <pc:chgData name="Ádám Zlatniczki" userId="a368d780-563b-48a2-91eb-b61857820a09" providerId="ADAL" clId="{EE47812C-AA54-433D-B6FA-AE6CD733BD28}" dt="2025-11-27T14:21:29.723" v="633" actId="47"/>
        <pc:sldMkLst>
          <pc:docMk/>
          <pc:sldMk cId="2359717960" sldId="277"/>
        </pc:sldMkLst>
        <pc:spChg chg="mod">
          <ac:chgData name="Ádám Zlatniczki" userId="a368d780-563b-48a2-91eb-b61857820a09" providerId="ADAL" clId="{EE47812C-AA54-433D-B6FA-AE6CD733BD28}" dt="2025-11-27T14:19:51.865" v="521"/>
          <ac:spMkLst>
            <pc:docMk/>
            <pc:sldMk cId="2359717960" sldId="277"/>
            <ac:spMk id="4" creationId="{9D1603A8-B106-49C8-9A85-772F771CEA7B}"/>
          </ac:spMkLst>
        </pc:spChg>
        <pc:spChg chg="mod">
          <ac:chgData name="Ádám Zlatniczki" userId="a368d780-563b-48a2-91eb-b61857820a09" providerId="ADAL" clId="{EE47812C-AA54-433D-B6FA-AE6CD733BD28}" dt="2025-11-27T14:19:51.865" v="523"/>
          <ac:spMkLst>
            <pc:docMk/>
            <pc:sldMk cId="2359717960" sldId="277"/>
            <ac:spMk id="5" creationId="{EBE0C4A5-D42F-44F1-9F5A-67BBFB530625}"/>
          </ac:spMkLst>
        </pc:spChg>
        <pc:spChg chg="mod">
          <ac:chgData name="Ádám Zlatniczki" userId="a368d780-563b-48a2-91eb-b61857820a09" providerId="ADAL" clId="{EE47812C-AA54-433D-B6FA-AE6CD733BD28}" dt="2025-11-27T14:19:51.865" v="525"/>
          <ac:spMkLst>
            <pc:docMk/>
            <pc:sldMk cId="2359717960" sldId="277"/>
            <ac:spMk id="6" creationId="{DE95ACB9-B873-474F-98C6-A4E2DBDA48CF}"/>
          </ac:spMkLst>
        </pc:spChg>
        <pc:spChg chg="mod">
          <ac:chgData name="Ádám Zlatniczki" userId="a368d780-563b-48a2-91eb-b61857820a09" providerId="ADAL" clId="{EE47812C-AA54-433D-B6FA-AE6CD733BD28}" dt="2025-11-27T14:19:51.865" v="527"/>
          <ac:spMkLst>
            <pc:docMk/>
            <pc:sldMk cId="2359717960" sldId="277"/>
            <ac:spMk id="7" creationId="{2B57716A-DE29-404B-8783-EC5EAC0E6C59}"/>
          </ac:spMkLst>
        </pc:spChg>
        <pc:spChg chg="mod">
          <ac:chgData name="Ádám Zlatniczki" userId="a368d780-563b-48a2-91eb-b61857820a09" providerId="ADAL" clId="{EE47812C-AA54-433D-B6FA-AE6CD733BD28}" dt="2025-11-27T14:19:51.865" v="529"/>
          <ac:spMkLst>
            <pc:docMk/>
            <pc:sldMk cId="2359717960" sldId="277"/>
            <ac:spMk id="8" creationId="{C845FF77-4366-46F5-98BF-D30F6C614057}"/>
          </ac:spMkLst>
        </pc:spChg>
        <pc:picChg chg="mod modCrop">
          <ac:chgData name="Ádám Zlatniczki" userId="a368d780-563b-48a2-91eb-b61857820a09" providerId="ADAL" clId="{EE47812C-AA54-433D-B6FA-AE6CD733BD28}" dt="2025-11-27T14:19:51.880" v="532"/>
          <ac:picMkLst>
            <pc:docMk/>
            <pc:sldMk cId="2359717960" sldId="277"/>
            <ac:picMk id="3" creationId="{EC6CCF6F-8087-A31A-205E-A95A8E2ED74A}"/>
          </ac:picMkLst>
        </pc:picChg>
        <pc:picChg chg="mod modCrop">
          <ac:chgData name="Ádám Zlatniczki" userId="a368d780-563b-48a2-91eb-b61857820a09" providerId="ADAL" clId="{EE47812C-AA54-433D-B6FA-AE6CD733BD28}" dt="2025-11-27T14:19:51.865" v="519"/>
          <ac:picMkLst>
            <pc:docMk/>
            <pc:sldMk cId="2359717960" sldId="277"/>
            <ac:picMk id="10" creationId="{3D7CB185-8CFA-FE62-8172-8E27FE4FAE0A}"/>
          </ac:picMkLst>
        </pc:picChg>
      </pc:sldChg>
      <pc:sldChg chg="modSp add del mod">
        <pc:chgData name="Ádám Zlatniczki" userId="a368d780-563b-48a2-91eb-b61857820a09" providerId="ADAL" clId="{EE47812C-AA54-433D-B6FA-AE6CD733BD28}" dt="2025-11-27T14:21:30.006" v="634" actId="47"/>
        <pc:sldMkLst>
          <pc:docMk/>
          <pc:sldMk cId="632898513" sldId="278"/>
        </pc:sldMkLst>
        <pc:spChg chg="mod">
          <ac:chgData name="Ádám Zlatniczki" userId="a368d780-563b-48a2-91eb-b61857820a09" providerId="ADAL" clId="{EE47812C-AA54-433D-B6FA-AE6CD733BD28}" dt="2025-11-27T14:19:57.204" v="538"/>
          <ac:spMkLst>
            <pc:docMk/>
            <pc:sldMk cId="632898513" sldId="278"/>
            <ac:spMk id="4" creationId="{9D1603A8-B106-49C8-9A85-772F771CEA7B}"/>
          </ac:spMkLst>
        </pc:spChg>
        <pc:spChg chg="mod">
          <ac:chgData name="Ádám Zlatniczki" userId="a368d780-563b-48a2-91eb-b61857820a09" providerId="ADAL" clId="{EE47812C-AA54-433D-B6FA-AE6CD733BD28}" dt="2025-11-27T14:19:57.204" v="540"/>
          <ac:spMkLst>
            <pc:docMk/>
            <pc:sldMk cId="632898513" sldId="278"/>
            <ac:spMk id="5" creationId="{EBE0C4A5-D42F-44F1-9F5A-67BBFB530625}"/>
          </ac:spMkLst>
        </pc:spChg>
        <pc:spChg chg="mod">
          <ac:chgData name="Ádám Zlatniczki" userId="a368d780-563b-48a2-91eb-b61857820a09" providerId="ADAL" clId="{EE47812C-AA54-433D-B6FA-AE6CD733BD28}" dt="2025-11-27T14:19:57.204" v="542"/>
          <ac:spMkLst>
            <pc:docMk/>
            <pc:sldMk cId="632898513" sldId="278"/>
            <ac:spMk id="6" creationId="{DE95ACB9-B873-474F-98C6-A4E2DBDA48CF}"/>
          </ac:spMkLst>
        </pc:spChg>
        <pc:spChg chg="mod">
          <ac:chgData name="Ádám Zlatniczki" userId="a368d780-563b-48a2-91eb-b61857820a09" providerId="ADAL" clId="{EE47812C-AA54-433D-B6FA-AE6CD733BD28}" dt="2025-11-27T14:19:57.204" v="544"/>
          <ac:spMkLst>
            <pc:docMk/>
            <pc:sldMk cId="632898513" sldId="278"/>
            <ac:spMk id="7" creationId="{2B57716A-DE29-404B-8783-EC5EAC0E6C59}"/>
          </ac:spMkLst>
        </pc:spChg>
        <pc:spChg chg="mod">
          <ac:chgData name="Ádám Zlatniczki" userId="a368d780-563b-48a2-91eb-b61857820a09" providerId="ADAL" clId="{EE47812C-AA54-433D-B6FA-AE6CD733BD28}" dt="2025-11-27T14:19:57.204" v="546"/>
          <ac:spMkLst>
            <pc:docMk/>
            <pc:sldMk cId="632898513" sldId="278"/>
            <ac:spMk id="8" creationId="{C845FF77-4366-46F5-98BF-D30F6C614057}"/>
          </ac:spMkLst>
        </pc:spChg>
        <pc:picChg chg="mod modCrop">
          <ac:chgData name="Ádám Zlatniczki" userId="a368d780-563b-48a2-91eb-b61857820a09" providerId="ADAL" clId="{EE47812C-AA54-433D-B6FA-AE6CD733BD28}" dt="2025-11-27T14:19:57.212" v="549"/>
          <ac:picMkLst>
            <pc:docMk/>
            <pc:sldMk cId="632898513" sldId="278"/>
            <ac:picMk id="3" creationId="{D3D20E4A-5970-A73E-6267-9F6A38B4842E}"/>
          </ac:picMkLst>
        </pc:picChg>
        <pc:picChg chg="mod modCrop">
          <ac:chgData name="Ádám Zlatniczki" userId="a368d780-563b-48a2-91eb-b61857820a09" providerId="ADAL" clId="{EE47812C-AA54-433D-B6FA-AE6CD733BD28}" dt="2025-11-27T14:19:57.204" v="536"/>
          <ac:picMkLst>
            <pc:docMk/>
            <pc:sldMk cId="632898513" sldId="278"/>
            <ac:picMk id="10" creationId="{6E3C520D-CCF2-55F2-A705-97881C11FE7B}"/>
          </ac:picMkLst>
        </pc:picChg>
      </pc:sldChg>
      <pc:sldChg chg="modSp add del mod">
        <pc:chgData name="Ádám Zlatniczki" userId="a368d780-563b-48a2-91eb-b61857820a09" providerId="ADAL" clId="{EE47812C-AA54-433D-B6FA-AE6CD733BD28}" dt="2025-11-27T14:21:30.355" v="635" actId="47"/>
        <pc:sldMkLst>
          <pc:docMk/>
          <pc:sldMk cId="1653232902" sldId="279"/>
        </pc:sldMkLst>
        <pc:spChg chg="mod">
          <ac:chgData name="Ádám Zlatniczki" userId="a368d780-563b-48a2-91eb-b61857820a09" providerId="ADAL" clId="{EE47812C-AA54-433D-B6FA-AE6CD733BD28}" dt="2025-11-27T14:20:02.484" v="555"/>
          <ac:spMkLst>
            <pc:docMk/>
            <pc:sldMk cId="1653232902" sldId="279"/>
            <ac:spMk id="4" creationId="{E6A8EE78-4047-29BC-9261-1911264349C3}"/>
          </ac:spMkLst>
        </pc:spChg>
        <pc:spChg chg="mod">
          <ac:chgData name="Ádám Zlatniczki" userId="a368d780-563b-48a2-91eb-b61857820a09" providerId="ADAL" clId="{EE47812C-AA54-433D-B6FA-AE6CD733BD28}" dt="2025-11-27T14:20:02.484" v="557"/>
          <ac:spMkLst>
            <pc:docMk/>
            <pc:sldMk cId="1653232902" sldId="279"/>
            <ac:spMk id="5" creationId="{4C011A6C-967B-F4DE-BF27-1841555EE0C1}"/>
          </ac:spMkLst>
        </pc:spChg>
        <pc:spChg chg="mod">
          <ac:chgData name="Ádám Zlatniczki" userId="a368d780-563b-48a2-91eb-b61857820a09" providerId="ADAL" clId="{EE47812C-AA54-433D-B6FA-AE6CD733BD28}" dt="2025-11-27T14:20:02.484" v="559"/>
          <ac:spMkLst>
            <pc:docMk/>
            <pc:sldMk cId="1653232902" sldId="279"/>
            <ac:spMk id="6" creationId="{DF5F1202-2B39-5BA5-A854-E1701BA061B3}"/>
          </ac:spMkLst>
        </pc:spChg>
        <pc:spChg chg="mod">
          <ac:chgData name="Ádám Zlatniczki" userId="a368d780-563b-48a2-91eb-b61857820a09" providerId="ADAL" clId="{EE47812C-AA54-433D-B6FA-AE6CD733BD28}" dt="2025-11-27T14:20:02.484" v="561"/>
          <ac:spMkLst>
            <pc:docMk/>
            <pc:sldMk cId="1653232902" sldId="279"/>
            <ac:spMk id="7" creationId="{96D3712D-9B68-0EB4-AEAE-80941566E4F3}"/>
          </ac:spMkLst>
        </pc:spChg>
        <pc:spChg chg="mod">
          <ac:chgData name="Ádám Zlatniczki" userId="a368d780-563b-48a2-91eb-b61857820a09" providerId="ADAL" clId="{EE47812C-AA54-433D-B6FA-AE6CD733BD28}" dt="2025-11-27T14:20:02.484" v="563"/>
          <ac:spMkLst>
            <pc:docMk/>
            <pc:sldMk cId="1653232902" sldId="279"/>
            <ac:spMk id="8" creationId="{16B5B6F6-3E07-018D-EF91-FA771E590AAA}"/>
          </ac:spMkLst>
        </pc:spChg>
        <pc:picChg chg="mod modCrop">
          <ac:chgData name="Ádám Zlatniczki" userId="a368d780-563b-48a2-91eb-b61857820a09" providerId="ADAL" clId="{EE47812C-AA54-433D-B6FA-AE6CD733BD28}" dt="2025-11-27T14:20:02.484" v="566"/>
          <ac:picMkLst>
            <pc:docMk/>
            <pc:sldMk cId="1653232902" sldId="279"/>
            <ac:picMk id="3" creationId="{16FBEE19-87D7-D17E-EAFA-9F110D7FECD9}"/>
          </ac:picMkLst>
        </pc:picChg>
        <pc:picChg chg="mod modCrop">
          <ac:chgData name="Ádám Zlatniczki" userId="a368d780-563b-48a2-91eb-b61857820a09" providerId="ADAL" clId="{EE47812C-AA54-433D-B6FA-AE6CD733BD28}" dt="2025-11-27T14:20:02.484" v="553"/>
          <ac:picMkLst>
            <pc:docMk/>
            <pc:sldMk cId="1653232902" sldId="279"/>
            <ac:picMk id="10" creationId="{C9C74D93-C210-C2A9-B822-60434E67ADC2}"/>
          </ac:picMkLst>
        </pc:picChg>
      </pc:sldChg>
      <pc:sldChg chg="modSp add del mod">
        <pc:chgData name="Ádám Zlatniczki" userId="a368d780-563b-48a2-91eb-b61857820a09" providerId="ADAL" clId="{EE47812C-AA54-433D-B6FA-AE6CD733BD28}" dt="2025-11-27T14:21:30.674" v="636" actId="47"/>
        <pc:sldMkLst>
          <pc:docMk/>
          <pc:sldMk cId="555864363" sldId="280"/>
        </pc:sldMkLst>
        <pc:spChg chg="mod">
          <ac:chgData name="Ádám Zlatniczki" userId="a368d780-563b-48a2-91eb-b61857820a09" providerId="ADAL" clId="{EE47812C-AA54-433D-B6FA-AE6CD733BD28}" dt="2025-11-27T14:20:20.579" v="584"/>
          <ac:spMkLst>
            <pc:docMk/>
            <pc:sldMk cId="555864363" sldId="280"/>
            <ac:spMk id="4" creationId="{12804F00-2C06-D519-CF5D-C9469539BB4B}"/>
          </ac:spMkLst>
        </pc:spChg>
        <pc:spChg chg="mod">
          <ac:chgData name="Ádám Zlatniczki" userId="a368d780-563b-48a2-91eb-b61857820a09" providerId="ADAL" clId="{EE47812C-AA54-433D-B6FA-AE6CD733BD28}" dt="2025-11-27T14:20:08.344" v="574"/>
          <ac:spMkLst>
            <pc:docMk/>
            <pc:sldMk cId="555864363" sldId="280"/>
            <ac:spMk id="5" creationId="{B816C8EA-6064-CC10-AE4B-A76B5355DF9D}"/>
          </ac:spMkLst>
        </pc:spChg>
        <pc:spChg chg="mod">
          <ac:chgData name="Ádám Zlatniczki" userId="a368d780-563b-48a2-91eb-b61857820a09" providerId="ADAL" clId="{EE47812C-AA54-433D-B6FA-AE6CD733BD28}" dt="2025-11-27T14:20:08.344" v="576"/>
          <ac:spMkLst>
            <pc:docMk/>
            <pc:sldMk cId="555864363" sldId="280"/>
            <ac:spMk id="6" creationId="{78615959-EC98-1C0B-613D-D16F814258AF}"/>
          </ac:spMkLst>
        </pc:spChg>
        <pc:spChg chg="mod">
          <ac:chgData name="Ádám Zlatniczki" userId="a368d780-563b-48a2-91eb-b61857820a09" providerId="ADAL" clId="{EE47812C-AA54-433D-B6FA-AE6CD733BD28}" dt="2025-11-27T14:20:08.344" v="578"/>
          <ac:spMkLst>
            <pc:docMk/>
            <pc:sldMk cId="555864363" sldId="280"/>
            <ac:spMk id="7" creationId="{6F715BE3-6761-D513-10AC-6B16EAD3F222}"/>
          </ac:spMkLst>
        </pc:spChg>
        <pc:spChg chg="mod">
          <ac:chgData name="Ádám Zlatniczki" userId="a368d780-563b-48a2-91eb-b61857820a09" providerId="ADAL" clId="{EE47812C-AA54-433D-B6FA-AE6CD733BD28}" dt="2025-11-27T14:20:08.360" v="580"/>
          <ac:spMkLst>
            <pc:docMk/>
            <pc:sldMk cId="555864363" sldId="280"/>
            <ac:spMk id="8" creationId="{1EAAE5C7-820E-4314-794F-F6780008729E}"/>
          </ac:spMkLst>
        </pc:spChg>
        <pc:picChg chg="mod modCrop">
          <ac:chgData name="Ádám Zlatniczki" userId="a368d780-563b-48a2-91eb-b61857820a09" providerId="ADAL" clId="{EE47812C-AA54-433D-B6FA-AE6CD733BD28}" dt="2025-11-27T14:20:08.360" v="583"/>
          <ac:picMkLst>
            <pc:docMk/>
            <pc:sldMk cId="555864363" sldId="280"/>
            <ac:picMk id="3" creationId="{791FFF63-DE80-A36F-5114-F931FC59C2AE}"/>
          </ac:picMkLst>
        </pc:picChg>
        <pc:picChg chg="mod modCrop">
          <ac:chgData name="Ádám Zlatniczki" userId="a368d780-563b-48a2-91eb-b61857820a09" providerId="ADAL" clId="{EE47812C-AA54-433D-B6FA-AE6CD733BD28}" dt="2025-11-27T14:20:08.344" v="570"/>
          <ac:picMkLst>
            <pc:docMk/>
            <pc:sldMk cId="555864363" sldId="280"/>
            <ac:picMk id="10" creationId="{14F78836-A985-DD4C-1D95-0EB04A7EC381}"/>
          </ac:picMkLst>
        </pc:picChg>
      </pc:sldChg>
      <pc:sldChg chg="delSp modSp add mod">
        <pc:chgData name="Ádám Zlatniczki" userId="a368d780-563b-48a2-91eb-b61857820a09" providerId="ADAL" clId="{EE47812C-AA54-433D-B6FA-AE6CD733BD28}" dt="2025-11-27T14:21:17.528" v="630" actId="20577"/>
        <pc:sldMkLst>
          <pc:docMk/>
          <pc:sldMk cId="3021965667" sldId="281"/>
        </pc:sldMkLst>
        <pc:spChg chg="mod">
          <ac:chgData name="Ádám Zlatniczki" userId="a368d780-563b-48a2-91eb-b61857820a09" providerId="ADAL" clId="{EE47812C-AA54-433D-B6FA-AE6CD733BD28}" dt="2025-11-27T14:20:40.965" v="603" actId="14100"/>
          <ac:spMkLst>
            <pc:docMk/>
            <pc:sldMk cId="3021965667" sldId="281"/>
            <ac:spMk id="4" creationId="{3A181620-A95C-6999-11F5-A62E1A47AC30}"/>
          </ac:spMkLst>
        </pc:spChg>
        <pc:spChg chg="mod">
          <ac:chgData name="Ádám Zlatniczki" userId="a368d780-563b-48a2-91eb-b61857820a09" providerId="ADAL" clId="{EE47812C-AA54-433D-B6FA-AE6CD733BD28}" dt="2025-11-27T14:21:17.528" v="630" actId="20577"/>
          <ac:spMkLst>
            <pc:docMk/>
            <pc:sldMk cId="3021965667" sldId="281"/>
            <ac:spMk id="5" creationId="{32180941-0A24-86B1-1C0E-6F2774145FCB}"/>
          </ac:spMkLst>
        </pc:spChg>
        <pc:spChg chg="del mod">
          <ac:chgData name="Ádám Zlatniczki" userId="a368d780-563b-48a2-91eb-b61857820a09" providerId="ADAL" clId="{EE47812C-AA54-433D-B6FA-AE6CD733BD28}" dt="2025-11-27T14:20:56.688" v="619" actId="478"/>
          <ac:spMkLst>
            <pc:docMk/>
            <pc:sldMk cId="3021965667" sldId="281"/>
            <ac:spMk id="6" creationId="{D1E31D78-9541-4EB6-C93A-1E968465A6D9}"/>
          </ac:spMkLst>
        </pc:spChg>
        <pc:spChg chg="del mod">
          <ac:chgData name="Ádám Zlatniczki" userId="a368d780-563b-48a2-91eb-b61857820a09" providerId="ADAL" clId="{EE47812C-AA54-433D-B6FA-AE6CD733BD28}" dt="2025-11-27T14:20:59.786" v="620" actId="478"/>
          <ac:spMkLst>
            <pc:docMk/>
            <pc:sldMk cId="3021965667" sldId="281"/>
            <ac:spMk id="7" creationId="{A7FD135F-946E-E730-1587-86F0AA690B99}"/>
          </ac:spMkLst>
        </pc:spChg>
        <pc:spChg chg="del mod">
          <ac:chgData name="Ádám Zlatniczki" userId="a368d780-563b-48a2-91eb-b61857820a09" providerId="ADAL" clId="{EE47812C-AA54-433D-B6FA-AE6CD733BD28}" dt="2025-11-27T14:21:05.456" v="621" actId="478"/>
          <ac:spMkLst>
            <pc:docMk/>
            <pc:sldMk cId="3021965667" sldId="281"/>
            <ac:spMk id="8" creationId="{38330653-2EDF-F02B-EFB5-CA0C6A40FB64}"/>
          </ac:spMkLst>
        </pc:spChg>
        <pc:picChg chg="mod modCrop">
          <ac:chgData name="Ádám Zlatniczki" userId="a368d780-563b-48a2-91eb-b61857820a09" providerId="ADAL" clId="{EE47812C-AA54-433D-B6FA-AE6CD733BD28}" dt="2025-11-27T14:20:30.523" v="601"/>
          <ac:picMkLst>
            <pc:docMk/>
            <pc:sldMk cId="3021965667" sldId="281"/>
            <ac:picMk id="3" creationId="{8CEB5FB8-4B81-6760-7922-A677F2A95CA4}"/>
          </ac:picMkLst>
        </pc:picChg>
        <pc:picChg chg="mod modCrop">
          <ac:chgData name="Ádám Zlatniczki" userId="a368d780-563b-48a2-91eb-b61857820a09" providerId="ADAL" clId="{EE47812C-AA54-433D-B6FA-AE6CD733BD28}" dt="2025-11-27T14:20:30.523" v="588"/>
          <ac:picMkLst>
            <pc:docMk/>
            <pc:sldMk cId="3021965667" sldId="281"/>
            <ac:picMk id="10" creationId="{A8AAA3FA-D87D-F07C-BF57-967D8F90349F}"/>
          </ac:picMkLst>
        </pc:picChg>
      </pc:sldChg>
      <pc:sldChg chg="addSp delSp modSp new mod modAnim">
        <pc:chgData name="Ádám Zlatniczki" userId="a368d780-563b-48a2-91eb-b61857820a09" providerId="ADAL" clId="{EE47812C-AA54-433D-B6FA-AE6CD733BD28}" dt="2025-11-27T16:19:46.604" v="2933"/>
        <pc:sldMkLst>
          <pc:docMk/>
          <pc:sldMk cId="1775903912" sldId="282"/>
        </pc:sldMkLst>
        <pc:spChg chg="mod">
          <ac:chgData name="Ádám Zlatniczki" userId="a368d780-563b-48a2-91eb-b61857820a09" providerId="ADAL" clId="{EE47812C-AA54-433D-B6FA-AE6CD733BD28}" dt="2025-11-27T16:00:24.647" v="2010" actId="20577"/>
          <ac:spMkLst>
            <pc:docMk/>
            <pc:sldMk cId="1775903912" sldId="282"/>
            <ac:spMk id="2" creationId="{32456E06-6A47-B3D2-496F-4775BEF7BBD8}"/>
          </ac:spMkLst>
        </pc:spChg>
        <pc:spChg chg="del">
          <ac:chgData name="Ádám Zlatniczki" userId="a368d780-563b-48a2-91eb-b61857820a09" providerId="ADAL" clId="{EE47812C-AA54-433D-B6FA-AE6CD733BD28}" dt="2025-11-27T16:00:28.285" v="2011" actId="478"/>
          <ac:spMkLst>
            <pc:docMk/>
            <pc:sldMk cId="1775903912" sldId="282"/>
            <ac:spMk id="3" creationId="{B8B0E7CD-22C3-4BF1-47B0-D6F58542F274}"/>
          </ac:spMkLst>
        </pc:spChg>
        <pc:spChg chg="add del mod">
          <ac:chgData name="Ádám Zlatniczki" userId="a368d780-563b-48a2-91eb-b61857820a09" providerId="ADAL" clId="{EE47812C-AA54-433D-B6FA-AE6CD733BD28}" dt="2025-11-27T16:04:52.405" v="2261" actId="478"/>
          <ac:spMkLst>
            <pc:docMk/>
            <pc:sldMk cId="1775903912" sldId="282"/>
            <ac:spMk id="5" creationId="{96B00E21-6334-5F22-9E9B-453A7AD8F466}"/>
          </ac:spMkLst>
        </pc:spChg>
        <pc:spChg chg="add mod">
          <ac:chgData name="Ádám Zlatniczki" userId="a368d780-563b-48a2-91eb-b61857820a09" providerId="ADAL" clId="{EE47812C-AA54-433D-B6FA-AE6CD733BD28}" dt="2025-11-27T16:05:06.378" v="2268" actId="1037"/>
          <ac:spMkLst>
            <pc:docMk/>
            <pc:sldMk cId="1775903912" sldId="282"/>
            <ac:spMk id="7" creationId="{F0C41D94-67D7-71C3-1A27-C9906162EED9}"/>
          </ac:spMkLst>
        </pc:spChg>
        <pc:spChg chg="add mod">
          <ac:chgData name="Ádám Zlatniczki" userId="a368d780-563b-48a2-91eb-b61857820a09" providerId="ADAL" clId="{EE47812C-AA54-433D-B6FA-AE6CD733BD28}" dt="2025-11-27T16:09:44.761" v="2605" actId="20577"/>
          <ac:spMkLst>
            <pc:docMk/>
            <pc:sldMk cId="1775903912" sldId="282"/>
            <ac:spMk id="8" creationId="{5C2F78EA-26CC-342A-D84A-8F19AA861183}"/>
          </ac:spMkLst>
        </pc:spChg>
        <pc:spChg chg="add mod">
          <ac:chgData name="Ádám Zlatniczki" userId="a368d780-563b-48a2-91eb-b61857820a09" providerId="ADAL" clId="{EE47812C-AA54-433D-B6FA-AE6CD733BD28}" dt="2025-11-27T16:17:40.097" v="2930" actId="207"/>
          <ac:spMkLst>
            <pc:docMk/>
            <pc:sldMk cId="1775903912" sldId="282"/>
            <ac:spMk id="9" creationId="{A0D23A71-082E-E46F-9DEB-CC360E8FC1ED}"/>
          </ac:spMkLst>
        </pc:spChg>
        <pc:spChg chg="add mod">
          <ac:chgData name="Ádám Zlatniczki" userId="a368d780-563b-48a2-91eb-b61857820a09" providerId="ADAL" clId="{EE47812C-AA54-433D-B6FA-AE6CD733BD28}" dt="2025-11-27T16:17:12.800" v="2928" actId="207"/>
          <ac:spMkLst>
            <pc:docMk/>
            <pc:sldMk cId="1775903912" sldId="282"/>
            <ac:spMk id="10" creationId="{4DA63CBB-41EC-C1B7-39F6-1BFBEA4BEC87}"/>
          </ac:spMkLst>
        </pc:spChg>
        <pc:spChg chg="add mod">
          <ac:chgData name="Ádám Zlatniczki" userId="a368d780-563b-48a2-91eb-b61857820a09" providerId="ADAL" clId="{EE47812C-AA54-433D-B6FA-AE6CD733BD28}" dt="2025-11-27T16:17:40.097" v="2930" actId="207"/>
          <ac:spMkLst>
            <pc:docMk/>
            <pc:sldMk cId="1775903912" sldId="282"/>
            <ac:spMk id="11" creationId="{B6258237-76C3-C09C-7EA1-60233063B68B}"/>
          </ac:spMkLst>
        </pc:spChg>
        <pc:spChg chg="add mod">
          <ac:chgData name="Ádám Zlatniczki" userId="a368d780-563b-48a2-91eb-b61857820a09" providerId="ADAL" clId="{EE47812C-AA54-433D-B6FA-AE6CD733BD28}" dt="2025-11-27T16:17:40.097" v="2930" actId="207"/>
          <ac:spMkLst>
            <pc:docMk/>
            <pc:sldMk cId="1775903912" sldId="282"/>
            <ac:spMk id="12" creationId="{875B303B-0353-C69C-BCCC-E74B28515191}"/>
          </ac:spMkLst>
        </pc:spChg>
        <pc:spChg chg="add mod">
          <ac:chgData name="Ádám Zlatniczki" userId="a368d780-563b-48a2-91eb-b61857820a09" providerId="ADAL" clId="{EE47812C-AA54-433D-B6FA-AE6CD733BD28}" dt="2025-11-27T16:17:18.243" v="2929" actId="207"/>
          <ac:spMkLst>
            <pc:docMk/>
            <pc:sldMk cId="1775903912" sldId="282"/>
            <ac:spMk id="13" creationId="{C9072B89-7AEF-A39E-9736-6B0A5CDD7CFE}"/>
          </ac:spMkLst>
        </pc:spChg>
        <pc:spChg chg="add del mod">
          <ac:chgData name="Ádám Zlatniczki" userId="a368d780-563b-48a2-91eb-b61857820a09" providerId="ADAL" clId="{EE47812C-AA54-433D-B6FA-AE6CD733BD28}" dt="2025-11-27T16:12:30.582" v="2688" actId="478"/>
          <ac:spMkLst>
            <pc:docMk/>
            <pc:sldMk cId="1775903912" sldId="282"/>
            <ac:spMk id="14" creationId="{890A426A-4CD5-A6A4-590F-438729B7EA36}"/>
          </ac:spMkLst>
        </pc:spChg>
        <pc:spChg chg="add del mod">
          <ac:chgData name="Ádám Zlatniczki" userId="a368d780-563b-48a2-91eb-b61857820a09" providerId="ADAL" clId="{EE47812C-AA54-433D-B6FA-AE6CD733BD28}" dt="2025-11-27T16:12:59.241" v="2691" actId="478"/>
          <ac:spMkLst>
            <pc:docMk/>
            <pc:sldMk cId="1775903912" sldId="282"/>
            <ac:spMk id="15" creationId="{9783D7FD-ACB7-0DCD-FC16-10A0333E6F38}"/>
          </ac:spMkLst>
        </pc:spChg>
        <pc:spChg chg="add mod">
          <ac:chgData name="Ádám Zlatniczki" userId="a368d780-563b-48a2-91eb-b61857820a09" providerId="ADAL" clId="{EE47812C-AA54-433D-B6FA-AE6CD733BD28}" dt="2025-11-27T16:17:40.097" v="2930" actId="207"/>
          <ac:spMkLst>
            <pc:docMk/>
            <pc:sldMk cId="1775903912" sldId="282"/>
            <ac:spMk id="16" creationId="{6DFAB705-3E8F-C775-8A33-6DFD3F8C3B03}"/>
          </ac:spMkLst>
        </pc:spChg>
        <pc:spChg chg="add mod">
          <ac:chgData name="Ádám Zlatniczki" userId="a368d780-563b-48a2-91eb-b61857820a09" providerId="ADAL" clId="{EE47812C-AA54-433D-B6FA-AE6CD733BD28}" dt="2025-11-27T16:14:22.272" v="2892" actId="1076"/>
          <ac:spMkLst>
            <pc:docMk/>
            <pc:sldMk cId="1775903912" sldId="282"/>
            <ac:spMk id="17" creationId="{2FF75A3B-3429-663E-1C3D-F849BB1D5C87}"/>
          </ac:spMkLst>
        </pc:spChg>
        <pc:spChg chg="add del mod">
          <ac:chgData name="Ádám Zlatniczki" userId="a368d780-563b-48a2-91eb-b61857820a09" providerId="ADAL" clId="{EE47812C-AA54-433D-B6FA-AE6CD733BD28}" dt="2025-11-27T16:02:33.685" v="2177" actId="478"/>
          <ac:spMkLst>
            <pc:docMk/>
            <pc:sldMk cId="1775903912" sldId="282"/>
            <ac:spMk id="18" creationId="{AF1B5D4A-1CA2-BFA2-2CD7-5967B961C31B}"/>
          </ac:spMkLst>
        </pc:spChg>
        <pc:spChg chg="add mod">
          <ac:chgData name="Ádám Zlatniczki" userId="a368d780-563b-48a2-91eb-b61857820a09" providerId="ADAL" clId="{EE47812C-AA54-433D-B6FA-AE6CD733BD28}" dt="2025-11-27T16:17:40.097" v="2930" actId="207"/>
          <ac:spMkLst>
            <pc:docMk/>
            <pc:sldMk cId="1775903912" sldId="282"/>
            <ac:spMk id="19" creationId="{A504127B-1E23-F194-F801-BF1532B9ADAA}"/>
          </ac:spMkLst>
        </pc:spChg>
      </pc:sldChg>
      <pc:sldChg chg="modSp add del mod">
        <pc:chgData name="Ádám Zlatniczki" userId="a368d780-563b-48a2-91eb-b61857820a09" providerId="ADAL" clId="{EE47812C-AA54-433D-B6FA-AE6CD733BD28}" dt="2025-11-27T14:22:30.344" v="664" actId="47"/>
        <pc:sldMkLst>
          <pc:docMk/>
          <pc:sldMk cId="3954090612" sldId="282"/>
        </pc:sldMkLst>
        <pc:spChg chg="mod">
          <ac:chgData name="Ádám Zlatniczki" userId="a368d780-563b-48a2-91eb-b61857820a09" providerId="ADAL" clId="{EE47812C-AA54-433D-B6FA-AE6CD733BD28}" dt="2025-11-27T14:22:12.262" v="651"/>
          <ac:spMkLst>
            <pc:docMk/>
            <pc:sldMk cId="3954090612" sldId="282"/>
            <ac:spMk id="4" creationId="{D14DE050-3CF2-CA6B-CBEA-B4D7B972A8A4}"/>
          </ac:spMkLst>
        </pc:spChg>
        <pc:picChg chg="mod modCrop">
          <ac:chgData name="Ádám Zlatniczki" userId="a368d780-563b-48a2-91eb-b61857820a09" providerId="ADAL" clId="{EE47812C-AA54-433D-B6FA-AE6CD733BD28}" dt="2025-11-27T14:22:12.262" v="649"/>
          <ac:picMkLst>
            <pc:docMk/>
            <pc:sldMk cId="3954090612" sldId="282"/>
            <ac:picMk id="3" creationId="{E77BEBC0-3B57-0668-4338-B8BD11345206}"/>
          </ac:picMkLst>
        </pc:picChg>
        <pc:picChg chg="mod modCrop">
          <ac:chgData name="Ádám Zlatniczki" userId="a368d780-563b-48a2-91eb-b61857820a09" providerId="ADAL" clId="{EE47812C-AA54-433D-B6FA-AE6CD733BD28}" dt="2025-11-27T14:22:12.262" v="654"/>
          <ac:picMkLst>
            <pc:docMk/>
            <pc:sldMk cId="3954090612" sldId="282"/>
            <ac:picMk id="5" creationId="{F90884B8-659D-2625-DFC9-4BB9610FBC8F}"/>
          </ac:picMkLst>
        </pc:picChg>
      </pc:sldChg>
      <pc:sldChg chg="modSp add del mod">
        <pc:chgData name="Ádám Zlatniczki" userId="a368d780-563b-48a2-91eb-b61857820a09" providerId="ADAL" clId="{EE47812C-AA54-433D-B6FA-AE6CD733BD28}" dt="2025-11-27T14:22:30.344" v="664" actId="47"/>
        <pc:sldMkLst>
          <pc:docMk/>
          <pc:sldMk cId="864030453" sldId="283"/>
        </pc:sldMkLst>
        <pc:spChg chg="mod">
          <ac:chgData name="Ádám Zlatniczki" userId="a368d780-563b-48a2-91eb-b61857820a09" providerId="ADAL" clId="{EE47812C-AA54-433D-B6FA-AE6CD733BD28}" dt="2025-11-27T14:22:15.147" v="660"/>
          <ac:spMkLst>
            <pc:docMk/>
            <pc:sldMk cId="864030453" sldId="283"/>
            <ac:spMk id="8" creationId="{B75ABCA2-2CB4-5D51-CC08-7DADDADE4CE0}"/>
          </ac:spMkLst>
        </pc:spChg>
        <pc:picChg chg="mod modCrop">
          <ac:chgData name="Ádám Zlatniczki" userId="a368d780-563b-48a2-91eb-b61857820a09" providerId="ADAL" clId="{EE47812C-AA54-433D-B6FA-AE6CD733BD28}" dt="2025-11-27T14:22:15.147" v="658"/>
          <ac:picMkLst>
            <pc:docMk/>
            <pc:sldMk cId="864030453" sldId="283"/>
            <ac:picMk id="3" creationId="{423FBB92-4206-FA84-7807-0BC2E44172B0}"/>
          </ac:picMkLst>
        </pc:picChg>
        <pc:picChg chg="mod modCrop">
          <ac:chgData name="Ádám Zlatniczki" userId="a368d780-563b-48a2-91eb-b61857820a09" providerId="ADAL" clId="{EE47812C-AA54-433D-B6FA-AE6CD733BD28}" dt="2025-11-27T14:22:15.147" v="663"/>
          <ac:picMkLst>
            <pc:docMk/>
            <pc:sldMk cId="864030453" sldId="283"/>
            <ac:picMk id="7" creationId="{209889A0-E479-33EA-9561-32B31A03CCD7}"/>
          </ac:picMkLst>
        </pc:picChg>
      </pc:sldChg>
      <pc:sldChg chg="addSp delSp modSp new mod">
        <pc:chgData name="Ádám Zlatniczki" userId="a368d780-563b-48a2-91eb-b61857820a09" providerId="ADAL" clId="{EE47812C-AA54-433D-B6FA-AE6CD733BD28}" dt="2025-11-28T08:05:44.758" v="4844" actId="20577"/>
        <pc:sldMkLst>
          <pc:docMk/>
          <pc:sldMk cId="3333266410" sldId="283"/>
        </pc:sldMkLst>
        <pc:spChg chg="mod">
          <ac:chgData name="Ádám Zlatniczki" userId="a368d780-563b-48a2-91eb-b61857820a09" providerId="ADAL" clId="{EE47812C-AA54-433D-B6FA-AE6CD733BD28}" dt="2025-11-27T16:45:55.975" v="3811" actId="20577"/>
          <ac:spMkLst>
            <pc:docMk/>
            <pc:sldMk cId="3333266410" sldId="283"/>
            <ac:spMk id="2" creationId="{96D7DC7D-EDF8-3025-3E46-B4F80F2D0260}"/>
          </ac:spMkLst>
        </pc:spChg>
        <pc:spChg chg="del">
          <ac:chgData name="Ádám Zlatniczki" userId="a368d780-563b-48a2-91eb-b61857820a09" providerId="ADAL" clId="{EE47812C-AA54-433D-B6FA-AE6CD733BD28}" dt="2025-11-27T16:45:43.071" v="3796" actId="478"/>
          <ac:spMkLst>
            <pc:docMk/>
            <pc:sldMk cId="3333266410" sldId="283"/>
            <ac:spMk id="3" creationId="{4EB491CE-DF9D-8E3F-91B2-E04E921A3147}"/>
          </ac:spMkLst>
        </pc:spChg>
        <pc:spChg chg="add mod">
          <ac:chgData name="Ádám Zlatniczki" userId="a368d780-563b-48a2-91eb-b61857820a09" providerId="ADAL" clId="{EE47812C-AA54-433D-B6FA-AE6CD733BD28}" dt="2025-11-28T08:05:44.758" v="4844" actId="20577"/>
          <ac:spMkLst>
            <pc:docMk/>
            <pc:sldMk cId="3333266410" sldId="283"/>
            <ac:spMk id="4" creationId="{BE44E228-9347-C738-C0E9-24BFC598C4F9}"/>
          </ac:spMkLst>
        </pc:spChg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2051600C-96AC-4B71-A8D4-3B7AE60475CB}" type="doc">
      <dgm:prSet loTypeId="urn:microsoft.com/office/officeart/2005/8/layout/process5" loCatId="process" qsTypeId="urn:microsoft.com/office/officeart/2005/8/quickstyle/simple1" qsCatId="simple" csTypeId="urn:microsoft.com/office/officeart/2005/8/colors/accent1_2" csCatId="accent1" phldr="1"/>
      <dgm:spPr/>
    </dgm:pt>
    <dgm:pt modelId="{A690FC4C-FED2-4F18-A74F-8BB49D7799C7}">
      <dgm:prSet phldrT="[Text]"/>
      <dgm:spPr>
        <a:solidFill>
          <a:schemeClr val="accent2"/>
        </a:solidFill>
      </dgm:spPr>
      <dgm:t>
        <a:bodyPr/>
        <a:lstStyle/>
        <a:p>
          <a:r>
            <a:rPr lang="en-US" b="1" dirty="0"/>
            <a:t>Data collection:</a:t>
          </a:r>
          <a:r>
            <a:rPr lang="en-US" dirty="0"/>
            <a:t> Gather data from various sources that capture the state of the network</a:t>
          </a:r>
        </a:p>
      </dgm:t>
    </dgm:pt>
    <dgm:pt modelId="{FFA9CE8C-1196-4B5B-9785-A79D3C13C26E}" type="parTrans" cxnId="{260CDC92-3FD1-4A02-B2F1-08AC39820923}">
      <dgm:prSet/>
      <dgm:spPr/>
      <dgm:t>
        <a:bodyPr/>
        <a:lstStyle/>
        <a:p>
          <a:endParaRPr lang="en-US"/>
        </a:p>
      </dgm:t>
    </dgm:pt>
    <dgm:pt modelId="{053F4474-18D6-4843-B716-8D9530678EDC}" type="sibTrans" cxnId="{260CDC92-3FD1-4A02-B2F1-08AC39820923}">
      <dgm:prSet/>
      <dgm:spPr/>
      <dgm:t>
        <a:bodyPr/>
        <a:lstStyle/>
        <a:p>
          <a:endParaRPr lang="en-US"/>
        </a:p>
      </dgm:t>
    </dgm:pt>
    <dgm:pt modelId="{BB26E40A-CFD0-4BE5-AB9D-A6BEE6F1FAD3}">
      <dgm:prSet/>
      <dgm:spPr>
        <a:solidFill>
          <a:schemeClr val="accent2"/>
        </a:solidFill>
      </dgm:spPr>
      <dgm:t>
        <a:bodyPr/>
        <a:lstStyle/>
        <a:p>
          <a:r>
            <a:rPr lang="en-US" b="1"/>
            <a:t>(Predictive) anomaly detection:</a:t>
          </a:r>
          <a:r>
            <a:rPr lang="en-US"/>
            <a:t> Detect unexpected behavior in different network segments</a:t>
          </a:r>
        </a:p>
      </dgm:t>
    </dgm:pt>
    <dgm:pt modelId="{68C13EE2-3A78-40E2-881B-B78761E2AF18}" type="parTrans" cxnId="{CB4B1964-AC84-44BD-8F88-D228C86206C3}">
      <dgm:prSet/>
      <dgm:spPr/>
      <dgm:t>
        <a:bodyPr/>
        <a:lstStyle/>
        <a:p>
          <a:endParaRPr lang="en-US"/>
        </a:p>
      </dgm:t>
    </dgm:pt>
    <dgm:pt modelId="{F61D829A-6B41-4234-9F88-6FB87B275B05}" type="sibTrans" cxnId="{CB4B1964-AC84-44BD-8F88-D228C86206C3}">
      <dgm:prSet/>
      <dgm:spPr/>
      <dgm:t>
        <a:bodyPr/>
        <a:lstStyle/>
        <a:p>
          <a:endParaRPr lang="en-US"/>
        </a:p>
      </dgm:t>
    </dgm:pt>
    <dgm:pt modelId="{AA0B6B2A-858A-4E0E-8F13-3650F38B0663}">
      <dgm:prSet/>
      <dgm:spPr>
        <a:solidFill>
          <a:schemeClr val="accent4"/>
        </a:solidFill>
      </dgm:spPr>
      <dgm:t>
        <a:bodyPr/>
        <a:lstStyle/>
        <a:p>
          <a:r>
            <a:rPr lang="en-US" b="1" dirty="0"/>
            <a:t>Anomaly filtering &amp; aggregation: </a:t>
          </a:r>
          <a:r>
            <a:rPr lang="en-US" dirty="0"/>
            <a:t>Identify and remove false positive / duplicate anomalies</a:t>
          </a:r>
          <a:endParaRPr lang="en-US" b="1" dirty="0"/>
        </a:p>
      </dgm:t>
    </dgm:pt>
    <dgm:pt modelId="{0854CC9A-7AB1-4D7E-82E3-4BD10AEA1834}" type="parTrans" cxnId="{28128F91-3577-42E0-8065-C11818A158FC}">
      <dgm:prSet/>
      <dgm:spPr/>
      <dgm:t>
        <a:bodyPr/>
        <a:lstStyle/>
        <a:p>
          <a:endParaRPr lang="en-US"/>
        </a:p>
      </dgm:t>
    </dgm:pt>
    <dgm:pt modelId="{AD31F1DB-DD75-4724-ACB9-6E1D421E1E27}" type="sibTrans" cxnId="{28128F91-3577-42E0-8065-C11818A158FC}">
      <dgm:prSet/>
      <dgm:spPr/>
      <dgm:t>
        <a:bodyPr/>
        <a:lstStyle/>
        <a:p>
          <a:endParaRPr lang="en-US"/>
        </a:p>
      </dgm:t>
    </dgm:pt>
    <dgm:pt modelId="{608039DF-A285-4E31-9F01-88C1FD375282}">
      <dgm:prSet/>
      <dgm:spPr>
        <a:solidFill>
          <a:schemeClr val="accent4"/>
        </a:solidFill>
      </dgm:spPr>
      <dgm:t>
        <a:bodyPr/>
        <a:lstStyle/>
        <a:p>
          <a:r>
            <a:rPr lang="en-US" b="1"/>
            <a:t>Root cause analysis:</a:t>
          </a:r>
          <a:r>
            <a:rPr lang="en-US"/>
            <a:t> Narrow down the list of possible causes of an anomaly</a:t>
          </a:r>
          <a:endParaRPr lang="en-US" b="1"/>
        </a:p>
      </dgm:t>
    </dgm:pt>
    <dgm:pt modelId="{8F8214CF-F6AB-4128-83C7-70EF55AD440B}" type="parTrans" cxnId="{F06B5516-7943-4464-8C02-DBD31D35B877}">
      <dgm:prSet/>
      <dgm:spPr/>
      <dgm:t>
        <a:bodyPr/>
        <a:lstStyle/>
        <a:p>
          <a:endParaRPr lang="en-US"/>
        </a:p>
      </dgm:t>
    </dgm:pt>
    <dgm:pt modelId="{630D55D1-A7DE-48B7-AC38-90E89E301AFC}" type="sibTrans" cxnId="{F06B5516-7943-4464-8C02-DBD31D35B877}">
      <dgm:prSet/>
      <dgm:spPr/>
      <dgm:t>
        <a:bodyPr/>
        <a:lstStyle/>
        <a:p>
          <a:endParaRPr lang="en-US"/>
        </a:p>
      </dgm:t>
    </dgm:pt>
    <dgm:pt modelId="{171B47B5-6BC6-4227-B57D-08CFF5289983}">
      <dgm:prSet/>
      <dgm:spPr>
        <a:solidFill>
          <a:schemeClr val="accent5"/>
        </a:solidFill>
      </dgm:spPr>
      <dgm:t>
        <a:bodyPr/>
        <a:lstStyle/>
        <a:p>
          <a:r>
            <a:rPr lang="en-US" b="1"/>
            <a:t>Recommendation:</a:t>
          </a:r>
          <a:r>
            <a:rPr lang="en-US"/>
            <a:t> Based on the narrowed-down list, recommend the most likely remedy</a:t>
          </a:r>
          <a:endParaRPr lang="en-US" b="1"/>
        </a:p>
      </dgm:t>
    </dgm:pt>
    <dgm:pt modelId="{BE199D70-8D80-4495-8F2C-DA30A2226F13}" type="parTrans" cxnId="{00ED3AA1-4808-4AD0-994D-BFFBFF6441C4}">
      <dgm:prSet/>
      <dgm:spPr/>
      <dgm:t>
        <a:bodyPr/>
        <a:lstStyle/>
        <a:p>
          <a:endParaRPr lang="en-US"/>
        </a:p>
      </dgm:t>
    </dgm:pt>
    <dgm:pt modelId="{C4A7AAA3-612E-43AE-99B9-C796C9DE786E}" type="sibTrans" cxnId="{00ED3AA1-4808-4AD0-994D-BFFBFF6441C4}">
      <dgm:prSet/>
      <dgm:spPr/>
      <dgm:t>
        <a:bodyPr/>
        <a:lstStyle/>
        <a:p>
          <a:endParaRPr lang="en-US"/>
        </a:p>
      </dgm:t>
    </dgm:pt>
    <dgm:pt modelId="{FD68C3CF-58D5-498A-AD38-0465FB56B732}">
      <dgm:prSet/>
      <dgm:spPr>
        <a:solidFill>
          <a:schemeClr val="accent5"/>
        </a:solidFill>
      </dgm:spPr>
      <dgm:t>
        <a:bodyPr/>
        <a:lstStyle/>
        <a:p>
          <a:r>
            <a:rPr lang="en-US" b="1"/>
            <a:t>Actuation:</a:t>
          </a:r>
          <a:r>
            <a:rPr lang="en-US"/>
            <a:t> Execute the recommended action in the network</a:t>
          </a:r>
          <a:endParaRPr lang="en-US" b="1"/>
        </a:p>
      </dgm:t>
    </dgm:pt>
    <dgm:pt modelId="{C01039F7-C33E-4E23-ACED-FFA6A2000957}" type="parTrans" cxnId="{9D8155C6-A75F-4C29-A987-169D9EECF9C2}">
      <dgm:prSet/>
      <dgm:spPr/>
      <dgm:t>
        <a:bodyPr/>
        <a:lstStyle/>
        <a:p>
          <a:endParaRPr lang="en-US"/>
        </a:p>
      </dgm:t>
    </dgm:pt>
    <dgm:pt modelId="{05A58DAA-BFAE-4D6F-9948-C97961BA19AF}" type="sibTrans" cxnId="{9D8155C6-A75F-4C29-A987-169D9EECF9C2}">
      <dgm:prSet/>
      <dgm:spPr/>
      <dgm:t>
        <a:bodyPr/>
        <a:lstStyle/>
        <a:p>
          <a:endParaRPr lang="en-US"/>
        </a:p>
      </dgm:t>
    </dgm:pt>
    <dgm:pt modelId="{B48E3551-55C0-416C-A57E-100418380E14}" type="pres">
      <dgm:prSet presAssocID="{2051600C-96AC-4B71-A8D4-3B7AE60475CB}" presName="diagram" presStyleCnt="0">
        <dgm:presLayoutVars>
          <dgm:dir/>
          <dgm:resizeHandles val="exact"/>
        </dgm:presLayoutVars>
      </dgm:prSet>
      <dgm:spPr/>
    </dgm:pt>
    <dgm:pt modelId="{6E13C7F4-4824-4627-9415-DDE8597A5A9F}" type="pres">
      <dgm:prSet presAssocID="{A690FC4C-FED2-4F18-A74F-8BB49D7799C7}" presName="node" presStyleLbl="node1" presStyleIdx="0" presStyleCnt="6">
        <dgm:presLayoutVars>
          <dgm:bulletEnabled val="1"/>
        </dgm:presLayoutVars>
      </dgm:prSet>
      <dgm:spPr/>
    </dgm:pt>
    <dgm:pt modelId="{00FC5356-17C6-4DE6-A950-6786F0246A19}" type="pres">
      <dgm:prSet presAssocID="{053F4474-18D6-4843-B716-8D9530678EDC}" presName="sibTrans" presStyleLbl="sibTrans2D1" presStyleIdx="0" presStyleCnt="5"/>
      <dgm:spPr/>
    </dgm:pt>
    <dgm:pt modelId="{447E6F86-8461-4542-BA9F-E47E0A65FE78}" type="pres">
      <dgm:prSet presAssocID="{053F4474-18D6-4843-B716-8D9530678EDC}" presName="connectorText" presStyleLbl="sibTrans2D1" presStyleIdx="0" presStyleCnt="5"/>
      <dgm:spPr/>
    </dgm:pt>
    <dgm:pt modelId="{F3CF095A-1F30-467C-8D2B-FF0504E10C27}" type="pres">
      <dgm:prSet presAssocID="{BB26E40A-CFD0-4BE5-AB9D-A6BEE6F1FAD3}" presName="node" presStyleLbl="node1" presStyleIdx="1" presStyleCnt="6">
        <dgm:presLayoutVars>
          <dgm:bulletEnabled val="1"/>
        </dgm:presLayoutVars>
      </dgm:prSet>
      <dgm:spPr/>
    </dgm:pt>
    <dgm:pt modelId="{58DA0F7E-D22A-4240-97E2-C5472DBE4CC8}" type="pres">
      <dgm:prSet presAssocID="{F61D829A-6B41-4234-9F88-6FB87B275B05}" presName="sibTrans" presStyleLbl="sibTrans2D1" presStyleIdx="1" presStyleCnt="5"/>
      <dgm:spPr/>
    </dgm:pt>
    <dgm:pt modelId="{85A744E7-00D4-449F-A854-D9C30C9FB9FC}" type="pres">
      <dgm:prSet presAssocID="{F61D829A-6B41-4234-9F88-6FB87B275B05}" presName="connectorText" presStyleLbl="sibTrans2D1" presStyleIdx="1" presStyleCnt="5"/>
      <dgm:spPr/>
    </dgm:pt>
    <dgm:pt modelId="{563DD77F-46E7-4518-AC8B-E939FFBE091D}" type="pres">
      <dgm:prSet presAssocID="{AA0B6B2A-858A-4E0E-8F13-3650F38B0663}" presName="node" presStyleLbl="node1" presStyleIdx="2" presStyleCnt="6">
        <dgm:presLayoutVars>
          <dgm:bulletEnabled val="1"/>
        </dgm:presLayoutVars>
      </dgm:prSet>
      <dgm:spPr/>
    </dgm:pt>
    <dgm:pt modelId="{1AB108EF-1EB1-4D59-8062-E1A0C3CABC1C}" type="pres">
      <dgm:prSet presAssocID="{AD31F1DB-DD75-4724-ACB9-6E1D421E1E27}" presName="sibTrans" presStyleLbl="sibTrans2D1" presStyleIdx="2" presStyleCnt="5"/>
      <dgm:spPr/>
    </dgm:pt>
    <dgm:pt modelId="{DD0F14AD-B26C-44DF-8793-2BE343C719E5}" type="pres">
      <dgm:prSet presAssocID="{AD31F1DB-DD75-4724-ACB9-6E1D421E1E27}" presName="connectorText" presStyleLbl="sibTrans2D1" presStyleIdx="2" presStyleCnt="5"/>
      <dgm:spPr/>
    </dgm:pt>
    <dgm:pt modelId="{93823E56-667A-4AFC-B06D-54ED459DC80A}" type="pres">
      <dgm:prSet presAssocID="{608039DF-A285-4E31-9F01-88C1FD375282}" presName="node" presStyleLbl="node1" presStyleIdx="3" presStyleCnt="6">
        <dgm:presLayoutVars>
          <dgm:bulletEnabled val="1"/>
        </dgm:presLayoutVars>
      </dgm:prSet>
      <dgm:spPr/>
    </dgm:pt>
    <dgm:pt modelId="{8DF7BB17-4CEE-492D-A157-3052455AEFA6}" type="pres">
      <dgm:prSet presAssocID="{630D55D1-A7DE-48B7-AC38-90E89E301AFC}" presName="sibTrans" presStyleLbl="sibTrans2D1" presStyleIdx="3" presStyleCnt="5"/>
      <dgm:spPr/>
    </dgm:pt>
    <dgm:pt modelId="{6527B8C1-E5E0-4362-B833-4BFA9B559624}" type="pres">
      <dgm:prSet presAssocID="{630D55D1-A7DE-48B7-AC38-90E89E301AFC}" presName="connectorText" presStyleLbl="sibTrans2D1" presStyleIdx="3" presStyleCnt="5"/>
      <dgm:spPr/>
    </dgm:pt>
    <dgm:pt modelId="{62AF3488-BBE0-4510-85B7-67B221A1B4CF}" type="pres">
      <dgm:prSet presAssocID="{171B47B5-6BC6-4227-B57D-08CFF5289983}" presName="node" presStyleLbl="node1" presStyleIdx="4" presStyleCnt="6">
        <dgm:presLayoutVars>
          <dgm:bulletEnabled val="1"/>
        </dgm:presLayoutVars>
      </dgm:prSet>
      <dgm:spPr/>
    </dgm:pt>
    <dgm:pt modelId="{D48910EB-BBFD-44FB-AA71-5033175984A5}" type="pres">
      <dgm:prSet presAssocID="{C4A7AAA3-612E-43AE-99B9-C796C9DE786E}" presName="sibTrans" presStyleLbl="sibTrans2D1" presStyleIdx="4" presStyleCnt="5"/>
      <dgm:spPr/>
    </dgm:pt>
    <dgm:pt modelId="{5546DB65-21AB-49AD-AD89-8E0AA16DFC97}" type="pres">
      <dgm:prSet presAssocID="{C4A7AAA3-612E-43AE-99B9-C796C9DE786E}" presName="connectorText" presStyleLbl="sibTrans2D1" presStyleIdx="4" presStyleCnt="5"/>
      <dgm:spPr/>
    </dgm:pt>
    <dgm:pt modelId="{D5900B19-D6EE-48D7-8C46-3BC5749A0EC8}" type="pres">
      <dgm:prSet presAssocID="{FD68C3CF-58D5-498A-AD38-0465FB56B732}" presName="node" presStyleLbl="node1" presStyleIdx="5" presStyleCnt="6">
        <dgm:presLayoutVars>
          <dgm:bulletEnabled val="1"/>
        </dgm:presLayoutVars>
      </dgm:prSet>
      <dgm:spPr/>
    </dgm:pt>
  </dgm:ptLst>
  <dgm:cxnLst>
    <dgm:cxn modelId="{F06B5516-7943-4464-8C02-DBD31D35B877}" srcId="{2051600C-96AC-4B71-A8D4-3B7AE60475CB}" destId="{608039DF-A285-4E31-9F01-88C1FD375282}" srcOrd="3" destOrd="0" parTransId="{8F8214CF-F6AB-4128-83C7-70EF55AD440B}" sibTransId="{630D55D1-A7DE-48B7-AC38-90E89E301AFC}"/>
    <dgm:cxn modelId="{F1164430-756F-4BF2-9BF8-03766187C2E5}" type="presOf" srcId="{630D55D1-A7DE-48B7-AC38-90E89E301AFC}" destId="{8DF7BB17-4CEE-492D-A157-3052455AEFA6}" srcOrd="0" destOrd="0" presId="urn:microsoft.com/office/officeart/2005/8/layout/process5"/>
    <dgm:cxn modelId="{CBB5763B-2255-43B3-A7A0-EEB446620292}" type="presOf" srcId="{C4A7AAA3-612E-43AE-99B9-C796C9DE786E}" destId="{5546DB65-21AB-49AD-AD89-8E0AA16DFC97}" srcOrd="1" destOrd="0" presId="urn:microsoft.com/office/officeart/2005/8/layout/process5"/>
    <dgm:cxn modelId="{3C9E6041-A039-4AB5-AD78-61F002768DBF}" type="presOf" srcId="{F61D829A-6B41-4234-9F88-6FB87B275B05}" destId="{58DA0F7E-D22A-4240-97E2-C5472DBE4CC8}" srcOrd="0" destOrd="0" presId="urn:microsoft.com/office/officeart/2005/8/layout/process5"/>
    <dgm:cxn modelId="{CB4B1964-AC84-44BD-8F88-D228C86206C3}" srcId="{2051600C-96AC-4B71-A8D4-3B7AE60475CB}" destId="{BB26E40A-CFD0-4BE5-AB9D-A6BEE6F1FAD3}" srcOrd="1" destOrd="0" parTransId="{68C13EE2-3A78-40E2-881B-B78761E2AF18}" sibTransId="{F61D829A-6B41-4234-9F88-6FB87B275B05}"/>
    <dgm:cxn modelId="{08966E71-94B1-4F73-843A-01712815FC10}" type="presOf" srcId="{053F4474-18D6-4843-B716-8D9530678EDC}" destId="{00FC5356-17C6-4DE6-A950-6786F0246A19}" srcOrd="0" destOrd="0" presId="urn:microsoft.com/office/officeart/2005/8/layout/process5"/>
    <dgm:cxn modelId="{8170C777-4EC3-419D-9285-6B826881CD00}" type="presOf" srcId="{2051600C-96AC-4B71-A8D4-3B7AE60475CB}" destId="{B48E3551-55C0-416C-A57E-100418380E14}" srcOrd="0" destOrd="0" presId="urn:microsoft.com/office/officeart/2005/8/layout/process5"/>
    <dgm:cxn modelId="{36C34E7E-1BDB-4AEA-8DCF-0420F0E1200A}" type="presOf" srcId="{F61D829A-6B41-4234-9F88-6FB87B275B05}" destId="{85A744E7-00D4-449F-A854-D9C30C9FB9FC}" srcOrd="1" destOrd="0" presId="urn:microsoft.com/office/officeart/2005/8/layout/process5"/>
    <dgm:cxn modelId="{2867B080-F043-4CB4-A5D2-0AC80B4B7BC3}" type="presOf" srcId="{AA0B6B2A-858A-4E0E-8F13-3650F38B0663}" destId="{563DD77F-46E7-4518-AC8B-E939FFBE091D}" srcOrd="0" destOrd="0" presId="urn:microsoft.com/office/officeart/2005/8/layout/process5"/>
    <dgm:cxn modelId="{C56DFB8A-F5C8-4475-86F3-437B60F55B69}" type="presOf" srcId="{608039DF-A285-4E31-9F01-88C1FD375282}" destId="{93823E56-667A-4AFC-B06D-54ED459DC80A}" srcOrd="0" destOrd="0" presId="urn:microsoft.com/office/officeart/2005/8/layout/process5"/>
    <dgm:cxn modelId="{28128F91-3577-42E0-8065-C11818A158FC}" srcId="{2051600C-96AC-4B71-A8D4-3B7AE60475CB}" destId="{AA0B6B2A-858A-4E0E-8F13-3650F38B0663}" srcOrd="2" destOrd="0" parTransId="{0854CC9A-7AB1-4D7E-82E3-4BD10AEA1834}" sibTransId="{AD31F1DB-DD75-4724-ACB9-6E1D421E1E27}"/>
    <dgm:cxn modelId="{260CDC92-3FD1-4A02-B2F1-08AC39820923}" srcId="{2051600C-96AC-4B71-A8D4-3B7AE60475CB}" destId="{A690FC4C-FED2-4F18-A74F-8BB49D7799C7}" srcOrd="0" destOrd="0" parTransId="{FFA9CE8C-1196-4B5B-9785-A79D3C13C26E}" sibTransId="{053F4474-18D6-4843-B716-8D9530678EDC}"/>
    <dgm:cxn modelId="{B23D2898-D3F5-4B12-9F60-1AD207B35939}" type="presOf" srcId="{053F4474-18D6-4843-B716-8D9530678EDC}" destId="{447E6F86-8461-4542-BA9F-E47E0A65FE78}" srcOrd="1" destOrd="0" presId="urn:microsoft.com/office/officeart/2005/8/layout/process5"/>
    <dgm:cxn modelId="{84B6A99A-6504-4B12-8B0A-0E909932D6A8}" type="presOf" srcId="{630D55D1-A7DE-48B7-AC38-90E89E301AFC}" destId="{6527B8C1-E5E0-4362-B833-4BFA9B559624}" srcOrd="1" destOrd="0" presId="urn:microsoft.com/office/officeart/2005/8/layout/process5"/>
    <dgm:cxn modelId="{1DF0359D-932B-49FC-8864-44E7776ECC2D}" type="presOf" srcId="{C4A7AAA3-612E-43AE-99B9-C796C9DE786E}" destId="{D48910EB-BBFD-44FB-AA71-5033175984A5}" srcOrd="0" destOrd="0" presId="urn:microsoft.com/office/officeart/2005/8/layout/process5"/>
    <dgm:cxn modelId="{00ED3AA1-4808-4AD0-994D-BFFBFF6441C4}" srcId="{2051600C-96AC-4B71-A8D4-3B7AE60475CB}" destId="{171B47B5-6BC6-4227-B57D-08CFF5289983}" srcOrd="4" destOrd="0" parTransId="{BE199D70-8D80-4495-8F2C-DA30A2226F13}" sibTransId="{C4A7AAA3-612E-43AE-99B9-C796C9DE786E}"/>
    <dgm:cxn modelId="{49DC1EB2-4B8D-4CF7-A577-B76353F36230}" type="presOf" srcId="{AD31F1DB-DD75-4724-ACB9-6E1D421E1E27}" destId="{1AB108EF-1EB1-4D59-8062-E1A0C3CABC1C}" srcOrd="0" destOrd="0" presId="urn:microsoft.com/office/officeart/2005/8/layout/process5"/>
    <dgm:cxn modelId="{6763A0B2-DA1C-4EED-911E-A24E246E2E99}" type="presOf" srcId="{A690FC4C-FED2-4F18-A74F-8BB49D7799C7}" destId="{6E13C7F4-4824-4627-9415-DDE8597A5A9F}" srcOrd="0" destOrd="0" presId="urn:microsoft.com/office/officeart/2005/8/layout/process5"/>
    <dgm:cxn modelId="{9AFD19BB-7A56-4BB5-B4EB-933C94F3DD42}" type="presOf" srcId="{BB26E40A-CFD0-4BE5-AB9D-A6BEE6F1FAD3}" destId="{F3CF095A-1F30-467C-8D2B-FF0504E10C27}" srcOrd="0" destOrd="0" presId="urn:microsoft.com/office/officeart/2005/8/layout/process5"/>
    <dgm:cxn modelId="{9D8155C6-A75F-4C29-A987-169D9EECF9C2}" srcId="{2051600C-96AC-4B71-A8D4-3B7AE60475CB}" destId="{FD68C3CF-58D5-498A-AD38-0465FB56B732}" srcOrd="5" destOrd="0" parTransId="{C01039F7-C33E-4E23-ACED-FFA6A2000957}" sibTransId="{05A58DAA-BFAE-4D6F-9948-C97961BA19AF}"/>
    <dgm:cxn modelId="{1E57FBCD-FEB7-4D41-B354-5BA71561EB77}" type="presOf" srcId="{AD31F1DB-DD75-4724-ACB9-6E1D421E1E27}" destId="{DD0F14AD-B26C-44DF-8793-2BE343C719E5}" srcOrd="1" destOrd="0" presId="urn:microsoft.com/office/officeart/2005/8/layout/process5"/>
    <dgm:cxn modelId="{C4E5D5D2-DE18-4176-AE7A-6B6C3CFEC58F}" type="presOf" srcId="{171B47B5-6BC6-4227-B57D-08CFF5289983}" destId="{62AF3488-BBE0-4510-85B7-67B221A1B4CF}" srcOrd="0" destOrd="0" presId="urn:microsoft.com/office/officeart/2005/8/layout/process5"/>
    <dgm:cxn modelId="{8B420BE7-4A01-4CAD-900F-313E1A461515}" type="presOf" srcId="{FD68C3CF-58D5-498A-AD38-0465FB56B732}" destId="{D5900B19-D6EE-48D7-8C46-3BC5749A0EC8}" srcOrd="0" destOrd="0" presId="urn:microsoft.com/office/officeart/2005/8/layout/process5"/>
    <dgm:cxn modelId="{885DF7C0-87C2-471C-9948-1D2CA7B884DD}" type="presParOf" srcId="{B48E3551-55C0-416C-A57E-100418380E14}" destId="{6E13C7F4-4824-4627-9415-DDE8597A5A9F}" srcOrd="0" destOrd="0" presId="urn:microsoft.com/office/officeart/2005/8/layout/process5"/>
    <dgm:cxn modelId="{49ADE1C9-146B-4B69-8DB8-D40A3BBF6A6E}" type="presParOf" srcId="{B48E3551-55C0-416C-A57E-100418380E14}" destId="{00FC5356-17C6-4DE6-A950-6786F0246A19}" srcOrd="1" destOrd="0" presId="urn:microsoft.com/office/officeart/2005/8/layout/process5"/>
    <dgm:cxn modelId="{482A6032-5FA5-49D1-B2B9-A3149F3F9D4E}" type="presParOf" srcId="{00FC5356-17C6-4DE6-A950-6786F0246A19}" destId="{447E6F86-8461-4542-BA9F-E47E0A65FE78}" srcOrd="0" destOrd="0" presId="urn:microsoft.com/office/officeart/2005/8/layout/process5"/>
    <dgm:cxn modelId="{57F8DEAD-0B97-42FF-9BB9-62F687A50348}" type="presParOf" srcId="{B48E3551-55C0-416C-A57E-100418380E14}" destId="{F3CF095A-1F30-467C-8D2B-FF0504E10C27}" srcOrd="2" destOrd="0" presId="urn:microsoft.com/office/officeart/2005/8/layout/process5"/>
    <dgm:cxn modelId="{F50A4BF2-5DD0-4725-88BC-7DF74984F06F}" type="presParOf" srcId="{B48E3551-55C0-416C-A57E-100418380E14}" destId="{58DA0F7E-D22A-4240-97E2-C5472DBE4CC8}" srcOrd="3" destOrd="0" presId="urn:microsoft.com/office/officeart/2005/8/layout/process5"/>
    <dgm:cxn modelId="{E15BBB46-4764-4DDA-BDF1-7195B5255B49}" type="presParOf" srcId="{58DA0F7E-D22A-4240-97E2-C5472DBE4CC8}" destId="{85A744E7-00D4-449F-A854-D9C30C9FB9FC}" srcOrd="0" destOrd="0" presId="urn:microsoft.com/office/officeart/2005/8/layout/process5"/>
    <dgm:cxn modelId="{7A56DB57-1157-42BE-95B2-B8E20ABD79AC}" type="presParOf" srcId="{B48E3551-55C0-416C-A57E-100418380E14}" destId="{563DD77F-46E7-4518-AC8B-E939FFBE091D}" srcOrd="4" destOrd="0" presId="urn:microsoft.com/office/officeart/2005/8/layout/process5"/>
    <dgm:cxn modelId="{1C03A107-E507-41A6-BFF3-066DFDD9C640}" type="presParOf" srcId="{B48E3551-55C0-416C-A57E-100418380E14}" destId="{1AB108EF-1EB1-4D59-8062-E1A0C3CABC1C}" srcOrd="5" destOrd="0" presId="urn:microsoft.com/office/officeart/2005/8/layout/process5"/>
    <dgm:cxn modelId="{2769B9F9-C59E-41FB-B2E7-105547198A3D}" type="presParOf" srcId="{1AB108EF-1EB1-4D59-8062-E1A0C3CABC1C}" destId="{DD0F14AD-B26C-44DF-8793-2BE343C719E5}" srcOrd="0" destOrd="0" presId="urn:microsoft.com/office/officeart/2005/8/layout/process5"/>
    <dgm:cxn modelId="{B22FB32C-32DD-435F-8597-E60D20EE4B9D}" type="presParOf" srcId="{B48E3551-55C0-416C-A57E-100418380E14}" destId="{93823E56-667A-4AFC-B06D-54ED459DC80A}" srcOrd="6" destOrd="0" presId="urn:microsoft.com/office/officeart/2005/8/layout/process5"/>
    <dgm:cxn modelId="{3D15FD45-42DB-4892-91C2-04F5DE744E93}" type="presParOf" srcId="{B48E3551-55C0-416C-A57E-100418380E14}" destId="{8DF7BB17-4CEE-492D-A157-3052455AEFA6}" srcOrd="7" destOrd="0" presId="urn:microsoft.com/office/officeart/2005/8/layout/process5"/>
    <dgm:cxn modelId="{E4C9FE96-45D9-4046-A6D6-3BB6A6467BD3}" type="presParOf" srcId="{8DF7BB17-4CEE-492D-A157-3052455AEFA6}" destId="{6527B8C1-E5E0-4362-B833-4BFA9B559624}" srcOrd="0" destOrd="0" presId="urn:microsoft.com/office/officeart/2005/8/layout/process5"/>
    <dgm:cxn modelId="{0EA414ED-A065-4806-9C07-C3F39F32343B}" type="presParOf" srcId="{B48E3551-55C0-416C-A57E-100418380E14}" destId="{62AF3488-BBE0-4510-85B7-67B221A1B4CF}" srcOrd="8" destOrd="0" presId="urn:microsoft.com/office/officeart/2005/8/layout/process5"/>
    <dgm:cxn modelId="{6A06E6AB-4ADA-46B6-9CC9-675B0D11981D}" type="presParOf" srcId="{B48E3551-55C0-416C-A57E-100418380E14}" destId="{D48910EB-BBFD-44FB-AA71-5033175984A5}" srcOrd="9" destOrd="0" presId="urn:microsoft.com/office/officeart/2005/8/layout/process5"/>
    <dgm:cxn modelId="{235DFC2F-77D4-4885-92A2-57D492D3F5E4}" type="presParOf" srcId="{D48910EB-BBFD-44FB-AA71-5033175984A5}" destId="{5546DB65-21AB-49AD-AD89-8E0AA16DFC97}" srcOrd="0" destOrd="0" presId="urn:microsoft.com/office/officeart/2005/8/layout/process5"/>
    <dgm:cxn modelId="{5B34744D-7BB3-4679-A97F-97A8D78B9E27}" type="presParOf" srcId="{B48E3551-55C0-416C-A57E-100418380E14}" destId="{D5900B19-D6EE-48D7-8C46-3BC5749A0EC8}" srcOrd="10" destOrd="0" presId="urn:microsoft.com/office/officeart/2005/8/layout/process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E13C7F4-4824-4627-9415-DDE8597A5A9F}">
      <dsp:nvSpPr>
        <dsp:cNvPr id="0" name=""/>
        <dsp:cNvSpPr/>
      </dsp:nvSpPr>
      <dsp:spPr>
        <a:xfrm>
          <a:off x="7950" y="164735"/>
          <a:ext cx="2376307" cy="1425784"/>
        </a:xfrm>
        <a:prstGeom prst="roundRect">
          <a:avLst>
            <a:gd name="adj" fmla="val 10000"/>
          </a:avLst>
        </a:prstGeom>
        <a:solidFill>
          <a:schemeClr val="accent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b="1" kern="1200" dirty="0"/>
            <a:t>Data collection:</a:t>
          </a:r>
          <a:r>
            <a:rPr lang="en-US" sz="1700" kern="1200" dirty="0"/>
            <a:t> Gather data from various sources that capture the state of the network</a:t>
          </a:r>
        </a:p>
      </dsp:txBody>
      <dsp:txXfrm>
        <a:off x="49710" y="206495"/>
        <a:ext cx="2292787" cy="1342264"/>
      </dsp:txXfrm>
    </dsp:sp>
    <dsp:sp modelId="{00FC5356-17C6-4DE6-A950-6786F0246A19}">
      <dsp:nvSpPr>
        <dsp:cNvPr id="0" name=""/>
        <dsp:cNvSpPr/>
      </dsp:nvSpPr>
      <dsp:spPr>
        <a:xfrm>
          <a:off x="2593372" y="582965"/>
          <a:ext cx="503777" cy="589324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400" kern="1200"/>
        </a:p>
      </dsp:txBody>
      <dsp:txXfrm>
        <a:off x="2593372" y="700830"/>
        <a:ext cx="352644" cy="353594"/>
      </dsp:txXfrm>
    </dsp:sp>
    <dsp:sp modelId="{F3CF095A-1F30-467C-8D2B-FF0504E10C27}">
      <dsp:nvSpPr>
        <dsp:cNvPr id="0" name=""/>
        <dsp:cNvSpPr/>
      </dsp:nvSpPr>
      <dsp:spPr>
        <a:xfrm>
          <a:off x="3334780" y="164735"/>
          <a:ext cx="2376307" cy="1425784"/>
        </a:xfrm>
        <a:prstGeom prst="roundRect">
          <a:avLst>
            <a:gd name="adj" fmla="val 10000"/>
          </a:avLst>
        </a:prstGeom>
        <a:solidFill>
          <a:schemeClr val="accent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b="1" kern="1200"/>
            <a:t>(Predictive) anomaly detection:</a:t>
          </a:r>
          <a:r>
            <a:rPr lang="en-US" sz="1700" kern="1200"/>
            <a:t> Detect unexpected behavior in different network segments</a:t>
          </a:r>
        </a:p>
      </dsp:txBody>
      <dsp:txXfrm>
        <a:off x="3376540" y="206495"/>
        <a:ext cx="2292787" cy="1342264"/>
      </dsp:txXfrm>
    </dsp:sp>
    <dsp:sp modelId="{58DA0F7E-D22A-4240-97E2-C5472DBE4CC8}">
      <dsp:nvSpPr>
        <dsp:cNvPr id="0" name=""/>
        <dsp:cNvSpPr/>
      </dsp:nvSpPr>
      <dsp:spPr>
        <a:xfrm>
          <a:off x="5920203" y="582965"/>
          <a:ext cx="503777" cy="589324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400" kern="1200"/>
        </a:p>
      </dsp:txBody>
      <dsp:txXfrm>
        <a:off x="5920203" y="700830"/>
        <a:ext cx="352644" cy="353594"/>
      </dsp:txXfrm>
    </dsp:sp>
    <dsp:sp modelId="{563DD77F-46E7-4518-AC8B-E939FFBE091D}">
      <dsp:nvSpPr>
        <dsp:cNvPr id="0" name=""/>
        <dsp:cNvSpPr/>
      </dsp:nvSpPr>
      <dsp:spPr>
        <a:xfrm>
          <a:off x="6661611" y="164735"/>
          <a:ext cx="2376307" cy="1425784"/>
        </a:xfrm>
        <a:prstGeom prst="roundRect">
          <a:avLst>
            <a:gd name="adj" fmla="val 10000"/>
          </a:avLst>
        </a:prstGeom>
        <a:solidFill>
          <a:schemeClr val="accent4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b="1" kern="1200" dirty="0"/>
            <a:t>Anomaly filtering &amp; aggregation: </a:t>
          </a:r>
          <a:r>
            <a:rPr lang="en-US" sz="1700" kern="1200" dirty="0"/>
            <a:t>Identify and remove false positive / duplicate anomalies</a:t>
          </a:r>
          <a:endParaRPr lang="en-US" sz="1700" b="1" kern="1200" dirty="0"/>
        </a:p>
      </dsp:txBody>
      <dsp:txXfrm>
        <a:off x="6703371" y="206495"/>
        <a:ext cx="2292787" cy="1342264"/>
      </dsp:txXfrm>
    </dsp:sp>
    <dsp:sp modelId="{1AB108EF-1EB1-4D59-8062-E1A0C3CABC1C}">
      <dsp:nvSpPr>
        <dsp:cNvPr id="0" name=""/>
        <dsp:cNvSpPr/>
      </dsp:nvSpPr>
      <dsp:spPr>
        <a:xfrm rot="5400000">
          <a:off x="7597876" y="1756861"/>
          <a:ext cx="503777" cy="589324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400" kern="1200"/>
        </a:p>
      </dsp:txBody>
      <dsp:txXfrm rot="-5400000">
        <a:off x="7672968" y="1799635"/>
        <a:ext cx="353594" cy="352644"/>
      </dsp:txXfrm>
    </dsp:sp>
    <dsp:sp modelId="{93823E56-667A-4AFC-B06D-54ED459DC80A}">
      <dsp:nvSpPr>
        <dsp:cNvPr id="0" name=""/>
        <dsp:cNvSpPr/>
      </dsp:nvSpPr>
      <dsp:spPr>
        <a:xfrm>
          <a:off x="6661611" y="2541042"/>
          <a:ext cx="2376307" cy="1425784"/>
        </a:xfrm>
        <a:prstGeom prst="roundRect">
          <a:avLst>
            <a:gd name="adj" fmla="val 10000"/>
          </a:avLst>
        </a:prstGeom>
        <a:solidFill>
          <a:schemeClr val="accent4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b="1" kern="1200"/>
            <a:t>Root cause analysis:</a:t>
          </a:r>
          <a:r>
            <a:rPr lang="en-US" sz="1700" kern="1200"/>
            <a:t> Narrow down the list of possible causes of an anomaly</a:t>
          </a:r>
          <a:endParaRPr lang="en-US" sz="1700" b="1" kern="1200"/>
        </a:p>
      </dsp:txBody>
      <dsp:txXfrm>
        <a:off x="6703371" y="2582802"/>
        <a:ext cx="2292787" cy="1342264"/>
      </dsp:txXfrm>
    </dsp:sp>
    <dsp:sp modelId="{8DF7BB17-4CEE-492D-A157-3052455AEFA6}">
      <dsp:nvSpPr>
        <dsp:cNvPr id="0" name=""/>
        <dsp:cNvSpPr/>
      </dsp:nvSpPr>
      <dsp:spPr>
        <a:xfrm rot="10800000">
          <a:off x="5948718" y="2959273"/>
          <a:ext cx="503777" cy="589324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400" kern="1200"/>
        </a:p>
      </dsp:txBody>
      <dsp:txXfrm rot="10800000">
        <a:off x="6099851" y="3077138"/>
        <a:ext cx="352644" cy="353594"/>
      </dsp:txXfrm>
    </dsp:sp>
    <dsp:sp modelId="{62AF3488-BBE0-4510-85B7-67B221A1B4CF}">
      <dsp:nvSpPr>
        <dsp:cNvPr id="0" name=""/>
        <dsp:cNvSpPr/>
      </dsp:nvSpPr>
      <dsp:spPr>
        <a:xfrm>
          <a:off x="3334780" y="2541042"/>
          <a:ext cx="2376307" cy="1425784"/>
        </a:xfrm>
        <a:prstGeom prst="roundRect">
          <a:avLst>
            <a:gd name="adj" fmla="val 10000"/>
          </a:avLst>
        </a:prstGeom>
        <a:solidFill>
          <a:schemeClr val="accent5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b="1" kern="1200"/>
            <a:t>Recommendation:</a:t>
          </a:r>
          <a:r>
            <a:rPr lang="en-US" sz="1700" kern="1200"/>
            <a:t> Based on the narrowed-down list, recommend the most likely remedy</a:t>
          </a:r>
          <a:endParaRPr lang="en-US" sz="1700" b="1" kern="1200"/>
        </a:p>
      </dsp:txBody>
      <dsp:txXfrm>
        <a:off x="3376540" y="2582802"/>
        <a:ext cx="2292787" cy="1342264"/>
      </dsp:txXfrm>
    </dsp:sp>
    <dsp:sp modelId="{D48910EB-BBFD-44FB-AA71-5033175984A5}">
      <dsp:nvSpPr>
        <dsp:cNvPr id="0" name=""/>
        <dsp:cNvSpPr/>
      </dsp:nvSpPr>
      <dsp:spPr>
        <a:xfrm rot="10800000">
          <a:off x="2621888" y="2959273"/>
          <a:ext cx="503777" cy="589324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400" kern="1200"/>
        </a:p>
      </dsp:txBody>
      <dsp:txXfrm rot="10800000">
        <a:off x="2773021" y="3077138"/>
        <a:ext cx="352644" cy="353594"/>
      </dsp:txXfrm>
    </dsp:sp>
    <dsp:sp modelId="{D5900B19-D6EE-48D7-8C46-3BC5749A0EC8}">
      <dsp:nvSpPr>
        <dsp:cNvPr id="0" name=""/>
        <dsp:cNvSpPr/>
      </dsp:nvSpPr>
      <dsp:spPr>
        <a:xfrm>
          <a:off x="7950" y="2541042"/>
          <a:ext cx="2376307" cy="1425784"/>
        </a:xfrm>
        <a:prstGeom prst="roundRect">
          <a:avLst>
            <a:gd name="adj" fmla="val 10000"/>
          </a:avLst>
        </a:prstGeom>
        <a:solidFill>
          <a:schemeClr val="accent5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b="1" kern="1200"/>
            <a:t>Actuation:</a:t>
          </a:r>
          <a:r>
            <a:rPr lang="en-US" sz="1700" kern="1200"/>
            <a:t> Execute the recommended action in the network</a:t>
          </a:r>
          <a:endParaRPr lang="en-US" sz="1700" b="1" kern="1200"/>
        </a:p>
      </dsp:txBody>
      <dsp:txXfrm>
        <a:off x="49710" y="2582802"/>
        <a:ext cx="2292787" cy="1342264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process5">
  <dgm:title val=""/>
  <dgm:desc val=""/>
  <dgm:catLst>
    <dgm:cat type="process" pri="1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revDir"/>
          <dgm:param type="bkpt" val="endCnv"/>
        </dgm:alg>
      </dgm:if>
      <dgm:else name="Name2">
        <dgm:alg type="snake">
          <dgm:param type="grDir" val="tR"/>
          <dgm:param type="flowDir" val="row"/>
          <dgm:param type="contDir" val="revDir"/>
          <dgm:param type="bkpt" val="endCnv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forName="sibTrans" refType="w" refFor="ch" refPtType="node" op="equ" fact="0.4"/>
      <dgm:constr type="sp" refType="w" refFor="ch" refForName="sibTrans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FEECB3-49FB-EC06-260C-88780583F1D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56F44CE3-8507-FCAD-6374-1A8EBA1D058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BD0F0ABD-7490-CAA3-5942-8BF04AC67B0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Pladsholder til sidehoved 3">
            <a:extLst>
              <a:ext uri="{FF2B5EF4-FFF2-40B4-BE49-F238E27FC236}">
                <a16:creationId xmlns:a16="http://schemas.microsoft.com/office/drawing/2014/main" id="{78C52EF8-AB49-A64E-2565-A53CD349C24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B69F3342-69FF-EF2C-2475-20545F7535E8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F741A9E-F5A7-BE4F-B0EC-55BF6389D22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6B8353F4-D6DB-7B6A-8DA9-F1A6B5F1320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9460113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Pladsholder til sidehoved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Pladsholder til dato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355621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US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smaller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8FC9BDE-AACF-FAD9-0569-2308D75B1812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3989B81D-94DE-1159-ADB9-A5A03B074B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  <a:endParaRPr lang="en-US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627616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2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05FD79D-9BC3-0408-DF33-0CA55CC3DCD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D355044D-CD56-AB10-6CA0-CA0669B9060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886628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Title and 3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09FDE7F6-BBC9-8CC3-CB40-B28724FF07B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D6BED84F-1648-A661-5267-B4AD41FD9C1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394992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44FC84B-7E22-F949-A48C-665D3900E6C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E1FC2882-E07D-F2B8-C050-E922C4080D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449344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CFC6A99-DACF-36D5-6C3E-4DC5345A9049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7AA30C5B-96B9-3D1E-B8FE-49DE04E5387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743222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Pag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103FF1A-D345-1C56-590F-D823A889B028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US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0EAB151C-EA5D-17DC-B535-00FFB9FD81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23015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8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573FEDA-98AE-F7E3-43DF-75A830443C4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AFF8CACC-7FD5-4CBA-651F-A83C83174BD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220952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2" name="image">
            <a:extLst>
              <a:ext uri="{FF2B5EF4-FFF2-40B4-BE49-F238E27FC236}">
                <a16:creationId xmlns:a16="http://schemas.microsoft.com/office/drawing/2014/main" id="{3DDE3DF2-4191-6EC8-7BFC-F1AAA9CFC1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59975"/>
            <a:ext cx="2120176" cy="21211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000C8FCC-57E5-3E43-E21A-B3EDA1DB3E60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6944A971-8DF1-600E-1D36-CB1EC2440F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60680"/>
            <a:ext cx="2119473" cy="2120400"/>
          </a:xfrm>
          <a:prstGeom prst="rect">
            <a:avLst/>
          </a:prstGeom>
        </p:spPr>
      </p:pic>
      <p:sp>
        <p:nvSpPr>
          <p:cNvPr id="2" name="SubTitle_TM">
            <a:extLst>
              <a:ext uri="{FF2B5EF4-FFF2-40B4-BE49-F238E27FC236}">
                <a16:creationId xmlns:a16="http://schemas.microsoft.com/office/drawing/2014/main" id="{FCF1ABC6-0A4C-6C18-E8A5-415153FD00B6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271482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dirty="0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 dirty="0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 dirty="0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 dirty="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03FD5EF-20DB-46AB-B412-DF9112353719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78DD11F5-924D-4907-D01E-DCB632C069B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Only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9A6888F-AC26-BA8F-0055-E808E294C9D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561136CD-F1DB-03FC-F814-EFB4397772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8620447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7697191-0A85-B8C8-9EEC-2BBBCA05BA94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74D3F1FB-D06C-DBD1-2450-16F10900A58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36238650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  <a:endParaRPr lang="en-US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1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ADDB58AC-4EFC-E7F9-0735-7729D36BFF82}"/>
              </a:ext>
            </a:extLst>
          </p:cNvPr>
          <p:cNvPicPr>
            <a:picLocks noChangeAspect="1"/>
          </p:cNvPicPr>
          <p:nvPr userDrawn="1"/>
        </p:nvPicPr>
        <p:blipFill>
          <a:blip r:embed="rId2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10" r:id="rId2"/>
    <p:sldLayoutId id="2147483707" r:id="rId3"/>
    <p:sldLayoutId id="2147483709" r:id="rId4"/>
    <p:sldLayoutId id="2147483673" r:id="rId5"/>
    <p:sldLayoutId id="2147483712" r:id="rId6"/>
    <p:sldLayoutId id="2147483706" r:id="rId7"/>
    <p:sldLayoutId id="2147483713" r:id="rId8"/>
    <p:sldLayoutId id="2147483694" r:id="rId9"/>
    <p:sldLayoutId id="2147483714" r:id="rId10"/>
    <p:sldLayoutId id="2147483675" r:id="rId11"/>
    <p:sldLayoutId id="2147483716" r:id="rId12"/>
    <p:sldLayoutId id="2147483696" r:id="rId13"/>
    <p:sldLayoutId id="2147483715" r:id="rId14"/>
    <p:sldLayoutId id="2147483678" r:id="rId15"/>
    <p:sldLayoutId id="2147483717" r:id="rId16"/>
    <p:sldLayoutId id="2147483690" r:id="rId17"/>
    <p:sldLayoutId id="2147483718" r:id="rId18"/>
    <p:sldLayoutId id="2147483681" r:id="rId19"/>
    <p:sldLayoutId id="2147483719" r:id="rId20"/>
    <p:sldLayoutId id="2147483692" r:id="rId21"/>
    <p:sldLayoutId id="2147483720" r:id="rId22"/>
    <p:sldLayoutId id="2147483705" r:id="rId2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bin"/><Relationship Id="rId2" Type="http://schemas.openxmlformats.org/officeDocument/2006/relationships/slideLayout" Target="../slideLayouts/slideLayout4.xml"/><Relationship Id="rId1" Type="http://schemas.openxmlformats.org/officeDocument/2006/relationships/tags" Target="../tags/tag1.xml"/><Relationship Id="rId4" Type="http://schemas.openxmlformats.org/officeDocument/2006/relationships/image" Target="../media/image2.emf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7.xml"/><Relationship Id="rId13" Type="http://schemas.openxmlformats.org/officeDocument/2006/relationships/image" Target="../media/image7.svg"/><Relationship Id="rId18" Type="http://schemas.openxmlformats.org/officeDocument/2006/relationships/image" Target="../media/image12.png"/><Relationship Id="rId3" Type="http://schemas.openxmlformats.org/officeDocument/2006/relationships/tags" Target="../tags/tag2.xml"/><Relationship Id="rId7" Type="http://schemas.openxmlformats.org/officeDocument/2006/relationships/tags" Target="../tags/tag6.xml"/><Relationship Id="rId12" Type="http://schemas.openxmlformats.org/officeDocument/2006/relationships/image" Target="../media/image6.png"/><Relationship Id="rId17" Type="http://schemas.openxmlformats.org/officeDocument/2006/relationships/image" Target="../media/image11.svg"/><Relationship Id="rId2" Type="http://schemas.openxmlformats.org/officeDocument/2006/relationships/customXml" Target="../../customXml/item9.xml"/><Relationship Id="rId16" Type="http://schemas.openxmlformats.org/officeDocument/2006/relationships/image" Target="../media/image10.png"/><Relationship Id="rId1" Type="http://schemas.openxmlformats.org/officeDocument/2006/relationships/customXml" Target="../../customXml/item8.xml"/><Relationship Id="rId6" Type="http://schemas.openxmlformats.org/officeDocument/2006/relationships/tags" Target="../tags/tag5.xml"/><Relationship Id="rId11" Type="http://schemas.openxmlformats.org/officeDocument/2006/relationships/image" Target="../media/image5.svg"/><Relationship Id="rId5" Type="http://schemas.openxmlformats.org/officeDocument/2006/relationships/tags" Target="../tags/tag4.xml"/><Relationship Id="rId15" Type="http://schemas.openxmlformats.org/officeDocument/2006/relationships/image" Target="../media/image9.svg"/><Relationship Id="rId10" Type="http://schemas.openxmlformats.org/officeDocument/2006/relationships/image" Target="../media/image4.png"/><Relationship Id="rId19" Type="http://schemas.openxmlformats.org/officeDocument/2006/relationships/image" Target="../media/image13.svg"/><Relationship Id="rId4" Type="http://schemas.openxmlformats.org/officeDocument/2006/relationships/tags" Target="../tags/tag3.xml"/><Relationship Id="rId9" Type="http://schemas.openxmlformats.org/officeDocument/2006/relationships/notesSlide" Target="../notesSlides/notesSlide1.xml"/><Relationship Id="rId14" Type="http://schemas.openxmlformats.org/officeDocument/2006/relationships/image" Target="../media/image8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svg"/><Relationship Id="rId3" Type="http://schemas.openxmlformats.org/officeDocument/2006/relationships/tags" Target="../tags/tag7.xml"/><Relationship Id="rId7" Type="http://schemas.openxmlformats.org/officeDocument/2006/relationships/image" Target="../media/image14.png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6" Type="http://schemas.openxmlformats.org/officeDocument/2006/relationships/notesSlide" Target="../notesSlides/notesSlide2.xml"/><Relationship Id="rId5" Type="http://schemas.openxmlformats.org/officeDocument/2006/relationships/slideLayout" Target="../slideLayouts/slideLayout9.xml"/><Relationship Id="rId10" Type="http://schemas.openxmlformats.org/officeDocument/2006/relationships/image" Target="../media/image17.svg"/><Relationship Id="rId4" Type="http://schemas.openxmlformats.org/officeDocument/2006/relationships/tags" Target="../tags/tag8.xml"/><Relationship Id="rId9" Type="http://schemas.openxmlformats.org/officeDocument/2006/relationships/image" Target="../media/image16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3.svg"/><Relationship Id="rId18" Type="http://schemas.openxmlformats.org/officeDocument/2006/relationships/image" Target="../media/image28.png"/><Relationship Id="rId3" Type="http://schemas.openxmlformats.org/officeDocument/2006/relationships/tags" Target="../tags/tag11.xml"/><Relationship Id="rId7" Type="http://schemas.openxmlformats.org/officeDocument/2006/relationships/slideLayout" Target="../slideLayouts/slideLayout9.xml"/><Relationship Id="rId12" Type="http://schemas.openxmlformats.org/officeDocument/2006/relationships/image" Target="../media/image22.png"/><Relationship Id="rId17" Type="http://schemas.openxmlformats.org/officeDocument/2006/relationships/image" Target="../media/image27.svg"/><Relationship Id="rId2" Type="http://schemas.openxmlformats.org/officeDocument/2006/relationships/tags" Target="../tags/tag10.xml"/><Relationship Id="rId16" Type="http://schemas.openxmlformats.org/officeDocument/2006/relationships/image" Target="../media/image26.png"/><Relationship Id="rId1" Type="http://schemas.openxmlformats.org/officeDocument/2006/relationships/tags" Target="../tags/tag9.xml"/><Relationship Id="rId6" Type="http://schemas.openxmlformats.org/officeDocument/2006/relationships/tags" Target="../tags/tag14.xml"/><Relationship Id="rId11" Type="http://schemas.openxmlformats.org/officeDocument/2006/relationships/image" Target="../media/image21.svg"/><Relationship Id="rId5" Type="http://schemas.openxmlformats.org/officeDocument/2006/relationships/tags" Target="../tags/tag13.xml"/><Relationship Id="rId15" Type="http://schemas.openxmlformats.org/officeDocument/2006/relationships/image" Target="../media/image25.svg"/><Relationship Id="rId10" Type="http://schemas.openxmlformats.org/officeDocument/2006/relationships/image" Target="../media/image20.png"/><Relationship Id="rId19" Type="http://schemas.openxmlformats.org/officeDocument/2006/relationships/image" Target="../media/image29.svg"/><Relationship Id="rId4" Type="http://schemas.openxmlformats.org/officeDocument/2006/relationships/tags" Target="../tags/tag12.xml"/><Relationship Id="rId9" Type="http://schemas.openxmlformats.org/officeDocument/2006/relationships/image" Target="../media/image19.svg"/><Relationship Id="rId14" Type="http://schemas.openxmlformats.org/officeDocument/2006/relationships/image" Target="../media/image24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9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bin"/><Relationship Id="rId2" Type="http://schemas.openxmlformats.org/officeDocument/2006/relationships/slideLayout" Target="../slideLayouts/slideLayout21.xml"/><Relationship Id="rId1" Type="http://schemas.openxmlformats.org/officeDocument/2006/relationships/tags" Target="../tags/tag15.xml"/><Relationship Id="rId4" Type="http://schemas.openxmlformats.org/officeDocument/2006/relationships/image" Target="../media/image2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215190-F6D1-0852-7E4A-249209AC0B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>
            <a:extLst>
              <a:ext uri="{FF2B5EF4-FFF2-40B4-BE49-F238E27FC236}">
                <a16:creationId xmlns:a16="http://schemas.microsoft.com/office/drawing/2014/main" id="{A8AAA3FA-D87D-F07C-BF57-967D8F90349F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3869" y="2175"/>
            <a:ext cx="12184259" cy="6853645"/>
          </a:xfrm>
          <a:prstGeom prst="rect">
            <a:avLst/>
          </a:prstGeom>
        </p:spPr>
      </p:pic>
      <p:sp>
        <p:nvSpPr>
          <p:cNvPr id="4" name="Title 7">
            <a:extLst>
              <a:ext uri="{FF2B5EF4-FFF2-40B4-BE49-F238E27FC236}">
                <a16:creationId xmlns:a16="http://schemas.microsoft.com/office/drawing/2014/main" id="{3A181620-A95C-6999-11F5-A62E1A47AC30}"/>
              </a:ext>
            </a:extLst>
          </p:cNvPr>
          <p:cNvSpPr txBox="1">
            <a:spLocks/>
          </p:cNvSpPr>
          <p:nvPr/>
        </p:nvSpPr>
        <p:spPr>
          <a:xfrm>
            <a:off x="479424" y="476250"/>
            <a:ext cx="10574357" cy="3457576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0" b="0" i="0" u="none" strike="noStrike" kern="1400" cap="none" spc="-160" normalizeH="0" baseline="0" noProof="0" dirty="0">
                <a:ln>
                  <a:noFill/>
                </a:ln>
                <a:effectLst/>
                <a:uLnTx/>
                <a:uFillTx/>
                <a:latin typeface="Ericsson Hilda Light"/>
                <a:ea typeface="+mj-ea"/>
                <a:cs typeface="+mj-cs"/>
              </a:rPr>
              <a:t>Autonomous Networks - Knowledge bases in action</a:t>
            </a:r>
          </a:p>
        </p:txBody>
      </p:sp>
      <p:sp>
        <p:nvSpPr>
          <p:cNvPr id="5" name="Subtitle 13">
            <a:extLst>
              <a:ext uri="{FF2B5EF4-FFF2-40B4-BE49-F238E27FC236}">
                <a16:creationId xmlns:a16="http://schemas.microsoft.com/office/drawing/2014/main" id="{32180941-0A24-86B1-1C0E-6F2774145FCB}"/>
              </a:ext>
            </a:extLst>
          </p:cNvPr>
          <p:cNvSpPr txBox="1">
            <a:spLocks/>
          </p:cNvSpPr>
          <p:nvPr/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/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effectLst/>
                <a:uLnTx/>
                <a:uFillTx/>
                <a:latin typeface="Ericsson Hilda"/>
                <a:ea typeface="+mn-ea"/>
                <a:cs typeface="+mn-cs"/>
              </a:rPr>
              <a:t>Adam Zlatniczki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lang="en-US" dirty="0">
                <a:latin typeface="Ericsson Hilda"/>
              </a:rPr>
              <a:t>Ericsson</a:t>
            </a:r>
            <a:endParaRPr kumimoji="0" lang="en-US" b="0" i="0" u="none" strike="noStrike" kern="1000" cap="none" spc="-30" normalizeH="0" baseline="0" noProof="0" dirty="0">
              <a:ln>
                <a:noFill/>
              </a:ln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3" name="image">
            <a:extLst>
              <a:ext uri="{FF2B5EF4-FFF2-40B4-BE49-F238E27FC236}">
                <a16:creationId xmlns:a16="http://schemas.microsoft.com/office/drawing/2014/main" id="{8CEB5FB8-4B81-6760-7922-A677F2A95CA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02196566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F9FA37D-C435-C184-07BD-4FBFDD88872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Rectangle 30">
            <a:extLst>
              <a:ext uri="{FF2B5EF4-FFF2-40B4-BE49-F238E27FC236}">
                <a16:creationId xmlns:a16="http://schemas.microsoft.com/office/drawing/2014/main" id="{279ABAF7-D753-1C1A-0084-491811D01244}"/>
              </a:ext>
            </a:extLst>
          </p:cNvPr>
          <p:cNvSpPr/>
          <p:nvPr/>
        </p:nvSpPr>
        <p:spPr>
          <a:xfrm>
            <a:off x="9398607" y="2617873"/>
            <a:ext cx="1986839" cy="2003130"/>
          </a:xfrm>
          <a:prstGeom prst="rect">
            <a:avLst/>
          </a:prstGeom>
          <a:solidFill>
            <a:srgbClr val="E0E0E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4A55113-0CC8-20FD-2E67-3926CA8405FF}"/>
              </a:ext>
            </a:extLst>
          </p:cNvPr>
          <p:cNvSpPr/>
          <p:nvPr/>
        </p:nvSpPr>
        <p:spPr>
          <a:xfrm>
            <a:off x="7271415" y="2617873"/>
            <a:ext cx="1845933" cy="2003130"/>
          </a:xfrm>
          <a:prstGeom prst="rect">
            <a:avLst/>
          </a:prstGeom>
          <a:solidFill>
            <a:srgbClr val="E0E0E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83977D6-0EAE-0B20-18E3-A89F7E511C30}"/>
              </a:ext>
            </a:extLst>
          </p:cNvPr>
          <p:cNvSpPr/>
          <p:nvPr/>
        </p:nvSpPr>
        <p:spPr>
          <a:xfrm>
            <a:off x="5110352" y="2617873"/>
            <a:ext cx="1845933" cy="2003130"/>
          </a:xfrm>
          <a:prstGeom prst="rect">
            <a:avLst/>
          </a:prstGeom>
          <a:solidFill>
            <a:srgbClr val="E0E0E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AC372D97-E32F-D9D9-BCFE-983E72AD8304}"/>
              </a:ext>
            </a:extLst>
          </p:cNvPr>
          <p:cNvSpPr/>
          <p:nvPr/>
        </p:nvSpPr>
        <p:spPr>
          <a:xfrm>
            <a:off x="2956091" y="2617873"/>
            <a:ext cx="1845933" cy="2003130"/>
          </a:xfrm>
          <a:prstGeom prst="rect">
            <a:avLst/>
          </a:prstGeom>
          <a:solidFill>
            <a:srgbClr val="E0E0E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483BEB1E-C3AA-202C-88CE-C5102475BC52}"/>
              </a:ext>
            </a:extLst>
          </p:cNvPr>
          <p:cNvSpPr/>
          <p:nvPr/>
        </p:nvSpPr>
        <p:spPr>
          <a:xfrm>
            <a:off x="790506" y="2617873"/>
            <a:ext cx="1845933" cy="2003130"/>
          </a:xfrm>
          <a:prstGeom prst="rect">
            <a:avLst/>
          </a:prstGeom>
          <a:solidFill>
            <a:srgbClr val="E0E0E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BC40E936-7C30-0D97-7706-F589C191D8B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are Autonomous Networks?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A885631-0437-6F16-E65D-5838F7D9CEF1}"/>
              </a:ext>
            </a:extLst>
          </p:cNvPr>
          <p:cNvSpPr txBox="1"/>
          <p:nvPr/>
        </p:nvSpPr>
        <p:spPr>
          <a:xfrm>
            <a:off x="925513" y="1510464"/>
            <a:ext cx="10798175" cy="230832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2400" b="0" i="0" dirty="0">
                <a:solidFill>
                  <a:srgbClr val="001D35"/>
                </a:solidFill>
                <a:effectLst/>
                <a:latin typeface="Google Sans"/>
              </a:rPr>
              <a:t>A telecommunications network that can </a:t>
            </a:r>
          </a:p>
          <a:p>
            <a:pPr algn="ctr"/>
            <a:endParaRPr lang="en-US" sz="2400" dirty="0">
              <a:solidFill>
                <a:srgbClr val="001D35"/>
              </a:solidFill>
              <a:latin typeface="Google Sans"/>
            </a:endParaRPr>
          </a:p>
          <a:p>
            <a:pPr algn="ctr"/>
            <a:endParaRPr lang="en-US" sz="2400" b="0" i="0" dirty="0">
              <a:solidFill>
                <a:srgbClr val="001D35"/>
              </a:solidFill>
              <a:effectLst/>
              <a:latin typeface="Google Sans"/>
            </a:endParaRPr>
          </a:p>
          <a:p>
            <a:pPr algn="ctr"/>
            <a:endParaRPr lang="en-US" sz="2400" dirty="0">
              <a:solidFill>
                <a:srgbClr val="001D35"/>
              </a:solidFill>
              <a:latin typeface="Google Sans"/>
            </a:endParaRPr>
          </a:p>
          <a:p>
            <a:pPr algn="ctr"/>
            <a:endParaRPr lang="en-US" sz="2400" b="0" i="0" dirty="0">
              <a:solidFill>
                <a:srgbClr val="001D35"/>
              </a:solidFill>
              <a:effectLst/>
              <a:latin typeface="Google Sans"/>
            </a:endParaRPr>
          </a:p>
          <a:p>
            <a:pPr algn="ctr"/>
            <a:endParaRPr lang="en-US" sz="2400" dirty="0">
              <a:solidFill>
                <a:srgbClr val="001D35"/>
              </a:solidFill>
              <a:latin typeface="Google Sans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3F427B6F-B043-EA2F-1FCF-C4751034ECAB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>
            <a:fillRect/>
          </a:stretch>
        </p:blipFill>
        <p:spPr>
          <a:xfrm>
            <a:off x="5478033" y="2810889"/>
            <a:ext cx="1104900" cy="1104900"/>
          </a:xfrm>
          <a:prstGeom prst="rect">
            <a:avLst/>
          </a:prstGeom>
        </p:spPr>
      </p:pic>
      <p:pic>
        <p:nvPicPr>
          <p:cNvPr id="6" name="Graphic 5">
            <a:extLst>
              <a:ext uri="{FF2B5EF4-FFF2-40B4-BE49-F238E27FC236}">
                <a16:creationId xmlns:a16="http://schemas.microsoft.com/office/drawing/2014/main" id="{144D4C39-FB25-9D1F-C00C-0DE3D4646068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rcRect/>
          <a:stretch>
            <a:fillRect/>
          </a:stretch>
        </p:blipFill>
        <p:spPr>
          <a:xfrm>
            <a:off x="3360966" y="2810889"/>
            <a:ext cx="1104900" cy="1104900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2E40D375-A9AA-EF00-75AE-CBBB9C5158B4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rcRect/>
          <a:stretch>
            <a:fillRect/>
          </a:stretch>
        </p:blipFill>
        <p:spPr>
          <a:xfrm>
            <a:off x="1165786" y="2810889"/>
            <a:ext cx="1095375" cy="1095375"/>
          </a:xfrm>
          <a:prstGeom prst="rect">
            <a:avLst/>
          </a:prstGeom>
        </p:spPr>
      </p:pic>
      <p:pic>
        <p:nvPicPr>
          <p:cNvPr id="13" name="Graphic 12">
            <a:extLst>
              <a:ext uri="{FF2B5EF4-FFF2-40B4-BE49-F238E27FC236}">
                <a16:creationId xmlns:a16="http://schemas.microsoft.com/office/drawing/2014/main" id="{F33AE714-B6FA-BD5A-C38B-AC3F2B4F129F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rcRect/>
          <a:stretch>
            <a:fillRect/>
          </a:stretch>
        </p:blipFill>
        <p:spPr>
          <a:xfrm>
            <a:off x="9850090" y="2810888"/>
            <a:ext cx="1095375" cy="1095375"/>
          </a:xfrm>
          <a:prstGeom prst="rect">
            <a:avLst/>
          </a:prstGeom>
        </p:spPr>
      </p:pic>
      <p:pic>
        <p:nvPicPr>
          <p:cNvPr id="19" name="Graphic 18">
            <a:extLst>
              <a:ext uri="{FF2B5EF4-FFF2-40B4-BE49-F238E27FC236}">
                <a16:creationId xmlns:a16="http://schemas.microsoft.com/office/drawing/2014/main" id="{A84C39B0-2F8A-76EB-5E45-9182D99C1E47}"/>
              </a:ext>
            </a:extLst>
          </p:cNvPr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18">
            <a:extLst>
              <a:ext uri="{96DAC541-7B7A-43D3-8B79-37D633B846F1}">
                <asvg:svgBlip xmlns:asvg="http://schemas.microsoft.com/office/drawing/2016/SVG/main" r:embed="rId19"/>
              </a:ext>
            </a:extLst>
          </a:blip>
          <a:srcRect/>
          <a:stretch>
            <a:fillRect/>
          </a:stretch>
        </p:blipFill>
        <p:spPr>
          <a:xfrm>
            <a:off x="7632520" y="2810889"/>
            <a:ext cx="1095375" cy="1095375"/>
          </a:xfrm>
          <a:prstGeom prst="rect">
            <a:avLst/>
          </a:prstGeom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4BADFCFD-5D87-ADD3-5B1B-DBFCA7C0E18D}"/>
              </a:ext>
            </a:extLst>
          </p:cNvPr>
          <p:cNvSpPr txBox="1"/>
          <p:nvPr/>
        </p:nvSpPr>
        <p:spPr>
          <a:xfrm>
            <a:off x="925743" y="3906264"/>
            <a:ext cx="157546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b="0" i="0" dirty="0">
                <a:solidFill>
                  <a:srgbClr val="001D35"/>
                </a:solidFill>
                <a:effectLst/>
                <a:latin typeface="Google Sans"/>
              </a:rPr>
              <a:t>Self-configure</a:t>
            </a:r>
            <a:endParaRPr lang="en-US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E30174CB-F2D3-E579-BA45-D80EC8E1C91B}"/>
              </a:ext>
            </a:extLst>
          </p:cNvPr>
          <p:cNvSpPr txBox="1"/>
          <p:nvPr/>
        </p:nvSpPr>
        <p:spPr>
          <a:xfrm>
            <a:off x="3097317" y="3906264"/>
            <a:ext cx="157546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b="0" i="0" dirty="0">
                <a:solidFill>
                  <a:srgbClr val="001D35"/>
                </a:solidFill>
                <a:effectLst/>
                <a:latin typeface="Google Sans"/>
              </a:rPr>
              <a:t>Self-optimize</a:t>
            </a:r>
            <a:endParaRPr lang="en-US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97D8214B-056F-077C-C229-AAFC21962ECA}"/>
              </a:ext>
            </a:extLst>
          </p:cNvPr>
          <p:cNvSpPr txBox="1"/>
          <p:nvPr/>
        </p:nvSpPr>
        <p:spPr>
          <a:xfrm>
            <a:off x="5242753" y="3915789"/>
            <a:ext cx="157546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b="0" i="0" dirty="0">
                <a:solidFill>
                  <a:srgbClr val="001D35"/>
                </a:solidFill>
                <a:effectLst/>
                <a:latin typeface="Google Sans"/>
              </a:rPr>
              <a:t>Self-heal</a:t>
            </a:r>
            <a:endParaRPr lang="en-US" dirty="0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09B9192-E0E9-1449-D76E-7F4AC5CF1383}"/>
              </a:ext>
            </a:extLst>
          </p:cNvPr>
          <p:cNvSpPr txBox="1"/>
          <p:nvPr/>
        </p:nvSpPr>
        <p:spPr>
          <a:xfrm>
            <a:off x="7392477" y="3893669"/>
            <a:ext cx="157546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b="0" i="0" dirty="0">
                <a:solidFill>
                  <a:srgbClr val="001D35"/>
                </a:solidFill>
                <a:effectLst/>
                <a:latin typeface="Google Sans"/>
              </a:rPr>
              <a:t>Self-secure</a:t>
            </a:r>
            <a:endParaRPr lang="en-US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B65F4F5-0AA1-10AA-7288-794F44A780BE}"/>
              </a:ext>
            </a:extLst>
          </p:cNvPr>
          <p:cNvSpPr txBox="1"/>
          <p:nvPr/>
        </p:nvSpPr>
        <p:spPr>
          <a:xfrm>
            <a:off x="8991045" y="3893669"/>
            <a:ext cx="2813463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b="0" i="0" dirty="0">
                <a:solidFill>
                  <a:srgbClr val="001D35"/>
                </a:solidFill>
                <a:effectLst/>
                <a:latin typeface="Google Sans"/>
              </a:rPr>
              <a:t>With minimal</a:t>
            </a:r>
            <a:br>
              <a:rPr lang="en-US" sz="1800" b="0" i="0" dirty="0">
                <a:solidFill>
                  <a:srgbClr val="001D35"/>
                </a:solidFill>
                <a:effectLst/>
                <a:latin typeface="Google Sans"/>
              </a:rPr>
            </a:br>
            <a:r>
              <a:rPr lang="en-US" sz="1800" b="0" i="0" dirty="0">
                <a:solidFill>
                  <a:srgbClr val="001D35"/>
                </a:solidFill>
                <a:effectLst/>
                <a:latin typeface="Google Sans"/>
              </a:rPr>
              <a:t>human intervention</a:t>
            </a:r>
            <a:endParaRPr lang="en-US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035CA96-D0C4-B5BA-2701-1D7F5A31EB95}"/>
              </a:ext>
            </a:extLst>
          </p:cNvPr>
          <p:cNvSpPr txBox="1"/>
          <p:nvPr/>
        </p:nvSpPr>
        <p:spPr>
          <a:xfrm>
            <a:off x="5740400" y="543042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algn="ctr" rtl="0" fontAlgn="base">
              <a:spcBef>
                <a:spcPts val="800"/>
              </a:spcBef>
              <a:spcAft>
                <a:spcPct val="0"/>
              </a:spcAft>
            </a:pPr>
            <a:r>
              <a:rPr lang="en-US" sz="28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Why?</a:t>
            </a:r>
            <a:r>
              <a:rPr lang="en-US" sz="2800" b="1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 </a:t>
            </a:r>
            <a:r>
              <a:rPr lang="en-US" sz="2800" b="1" dirty="0">
                <a:solidFill>
                  <a:srgbClr val="00B0F0"/>
                </a:solidFill>
                <a:latin typeface="Google Sans"/>
              </a:rPr>
              <a:t>To increase reliability and reduce maintenance costs</a:t>
            </a:r>
            <a:endParaRPr lang="en-US" sz="2800" b="1" dirty="0">
              <a:solidFill>
                <a:srgbClr val="00B0F0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0921727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Rectangle 16">
            <a:extLst>
              <a:ext uri="{FF2B5EF4-FFF2-40B4-BE49-F238E27FC236}">
                <a16:creationId xmlns:a16="http://schemas.microsoft.com/office/drawing/2014/main" id="{F82889B5-55A3-B06B-F6BA-A7AEA3160D73}"/>
              </a:ext>
            </a:extLst>
          </p:cNvPr>
          <p:cNvSpPr/>
          <p:nvPr/>
        </p:nvSpPr>
        <p:spPr>
          <a:xfrm>
            <a:off x="3457420" y="3901358"/>
            <a:ext cx="7918151" cy="14491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10A9A93-83D0-0E04-6817-5BE0D8FE2959}"/>
              </a:ext>
            </a:extLst>
          </p:cNvPr>
          <p:cNvSpPr/>
          <p:nvPr/>
        </p:nvSpPr>
        <p:spPr>
          <a:xfrm>
            <a:off x="3457420" y="2279386"/>
            <a:ext cx="7918151" cy="1449100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D3F6038-A5C4-CE20-3960-0242C3835F65}"/>
              </a:ext>
            </a:extLst>
          </p:cNvPr>
          <p:cNvSpPr/>
          <p:nvPr/>
        </p:nvSpPr>
        <p:spPr>
          <a:xfrm>
            <a:off x="1712583" y="3901358"/>
            <a:ext cx="1640217" cy="14491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B18FB296-B831-E29A-43AB-5FBB6B01BB95}"/>
              </a:ext>
            </a:extLst>
          </p:cNvPr>
          <p:cNvSpPr/>
          <p:nvPr/>
        </p:nvSpPr>
        <p:spPr>
          <a:xfrm>
            <a:off x="1712583" y="2279386"/>
            <a:ext cx="1640217" cy="1449100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en-US" dirty="0"/>
              <a:t>“Reliability” of a network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E23BE2A7-0D2E-F129-C8D5-3F2A965D5790}"/>
              </a:ext>
            </a:extLst>
          </p:cNvPr>
          <p:cNvSpPr txBox="1"/>
          <p:nvPr/>
        </p:nvSpPr>
        <p:spPr>
          <a:xfrm>
            <a:off x="4408714" y="1590774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Reliability is ambiguous, and can be viewed from multiple perspectives</a:t>
            </a:r>
            <a:endParaRPr kumimoji="0" lang="en-US" sz="2000" b="1" i="1" u="none" strike="noStrike" kern="1000" cap="none" spc="-30" normalizeH="0" baseline="0" noProof="0" dirty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ADF04CC-54E9-3910-1065-998B17049CBF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1984726" y="2279386"/>
            <a:ext cx="1095375" cy="1095375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3D2E6182-7C6A-CFE1-3090-2A9109B33255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rcRect/>
          <a:stretch>
            <a:fillRect/>
          </a:stretch>
        </p:blipFill>
        <p:spPr>
          <a:xfrm>
            <a:off x="1984727" y="3941997"/>
            <a:ext cx="1095375" cy="1095375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8EBF251D-F905-E560-391F-A8A46653A58D}"/>
              </a:ext>
            </a:extLst>
          </p:cNvPr>
          <p:cNvSpPr txBox="1"/>
          <p:nvPr/>
        </p:nvSpPr>
        <p:spPr>
          <a:xfrm>
            <a:off x="2075212" y="3269305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Users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D0091DE4-4E05-C876-87B1-A9AE9CBF714E}"/>
              </a:ext>
            </a:extLst>
          </p:cNvPr>
          <p:cNvSpPr txBox="1"/>
          <p:nvPr/>
        </p:nvSpPr>
        <p:spPr>
          <a:xfrm>
            <a:off x="2075214" y="4857697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Operators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E838BF4-B266-13B5-B474-993DBFD65273}"/>
              </a:ext>
            </a:extLst>
          </p:cNvPr>
          <p:cNvSpPr txBox="1"/>
          <p:nvPr/>
        </p:nvSpPr>
        <p:spPr>
          <a:xfrm>
            <a:off x="3494314" y="2546736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ctr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 network is reliable if user experience degradation is negligible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D29829F-1930-2874-BFA9-46246CDBB236}"/>
              </a:ext>
            </a:extLst>
          </p:cNvPr>
          <p:cNvSpPr txBox="1"/>
          <p:nvPr/>
        </p:nvSpPr>
        <p:spPr>
          <a:xfrm>
            <a:off x="3494314" y="4183705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ctr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 network is reliable if it fails rarely, and failures are short and can be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resolved with as little effort as possibl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2456E06-6A47-B3D2-496F-4775BEF7BB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necting the perspectives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0C41D94-67D7-71C3-1A27-C9906162EED9}"/>
              </a:ext>
            </a:extLst>
          </p:cNvPr>
          <p:cNvSpPr txBox="1"/>
          <p:nvPr/>
        </p:nvSpPr>
        <p:spPr>
          <a:xfrm>
            <a:off x="195942" y="1577777"/>
            <a:ext cx="6096000" cy="71814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800" b="1" kern="1000" spc="-30" dirty="0">
                <a:solidFill>
                  <a:srgbClr val="00B0F0"/>
                </a:solidFill>
                <a:latin typeface="+mn-lt"/>
                <a:ea typeface="+mn-ea"/>
                <a:cs typeface="+mn-cs"/>
              </a:rPr>
              <a:t>A failure doesn’t necessarily have user experience impact.</a:t>
            </a:r>
          </a:p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6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(A power outage in a desert area where no one is located)</a:t>
            </a:r>
            <a:endParaRPr kumimoji="0" lang="en-US" sz="16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C2F78EA-26CC-342A-D84A-8F19AA861183}"/>
              </a:ext>
            </a:extLst>
          </p:cNvPr>
          <p:cNvSpPr txBox="1"/>
          <p:nvPr/>
        </p:nvSpPr>
        <p:spPr>
          <a:xfrm>
            <a:off x="6096000" y="1577777"/>
            <a:ext cx="6096000" cy="71814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b="1" kern="1000" spc="-30" dirty="0">
                <a:solidFill>
                  <a:srgbClr val="00B0F0"/>
                </a:solidFill>
              </a:rPr>
              <a:t>User experience can degrade even without a failure.</a:t>
            </a:r>
          </a:p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6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(There’s a concert at a stadium, overloading nearby infrastructure)</a:t>
            </a:r>
          </a:p>
        </p:txBody>
      </p:sp>
      <p:sp>
        <p:nvSpPr>
          <p:cNvPr id="9" name="Arrow: Down 8">
            <a:extLst>
              <a:ext uri="{FF2B5EF4-FFF2-40B4-BE49-F238E27FC236}">
                <a16:creationId xmlns:a16="http://schemas.microsoft.com/office/drawing/2014/main" id="{A0D23A71-082E-E46F-9DEB-CC360E8FC1ED}"/>
              </a:ext>
            </a:extLst>
          </p:cNvPr>
          <p:cNvSpPr/>
          <p:nvPr/>
        </p:nvSpPr>
        <p:spPr>
          <a:xfrm>
            <a:off x="8839199" y="2585513"/>
            <a:ext cx="729343" cy="718145"/>
          </a:xfrm>
          <a:prstGeom prst="downArrow">
            <a:avLst/>
          </a:prstGeom>
          <a:solidFill>
            <a:schemeClr val="accent3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DA63CBB-41EC-C1B7-39F6-1BFBEA4BEC87}"/>
              </a:ext>
            </a:extLst>
          </p:cNvPr>
          <p:cNvSpPr txBox="1"/>
          <p:nvPr/>
        </p:nvSpPr>
        <p:spPr>
          <a:xfrm>
            <a:off x="8564934" y="3593250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Efficient operation shouldn’t target worst case scenarios,</a:t>
            </a:r>
            <a:b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</a:b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but then the network needs to be modified frequently.</a:t>
            </a:r>
          </a:p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b="1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But changes to a network are the No1. reason for failure.</a:t>
            </a: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Arrow: Down 10">
            <a:extLst>
              <a:ext uri="{FF2B5EF4-FFF2-40B4-BE49-F238E27FC236}">
                <a16:creationId xmlns:a16="http://schemas.microsoft.com/office/drawing/2014/main" id="{B6258237-76C3-C09C-7EA1-60233063B68B}"/>
              </a:ext>
            </a:extLst>
          </p:cNvPr>
          <p:cNvSpPr/>
          <p:nvPr/>
        </p:nvSpPr>
        <p:spPr>
          <a:xfrm>
            <a:off x="1894115" y="2685872"/>
            <a:ext cx="729343" cy="718145"/>
          </a:xfrm>
          <a:prstGeom prst="downArrow">
            <a:avLst/>
          </a:prstGeom>
          <a:solidFill>
            <a:schemeClr val="accent3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12" name="Arrow: Down 11">
            <a:extLst>
              <a:ext uri="{FF2B5EF4-FFF2-40B4-BE49-F238E27FC236}">
                <a16:creationId xmlns:a16="http://schemas.microsoft.com/office/drawing/2014/main" id="{875B303B-0353-C69C-BCCC-E74B28515191}"/>
              </a:ext>
            </a:extLst>
          </p:cNvPr>
          <p:cNvSpPr/>
          <p:nvPr/>
        </p:nvSpPr>
        <p:spPr>
          <a:xfrm rot="5400000">
            <a:off x="4757059" y="3838335"/>
            <a:ext cx="729343" cy="718145"/>
          </a:xfrm>
          <a:prstGeom prst="downArrow">
            <a:avLst/>
          </a:prstGeom>
          <a:solidFill>
            <a:schemeClr val="accent3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9072B89-7AEF-A39E-9736-6B0A5CDD7CFE}"/>
              </a:ext>
            </a:extLst>
          </p:cNvPr>
          <p:cNvSpPr txBox="1"/>
          <p:nvPr/>
        </p:nvSpPr>
        <p:spPr>
          <a:xfrm>
            <a:off x="1804389" y="3833700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b="1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ooner or later, every failure leads to</a:t>
            </a:r>
            <a:br>
              <a:rPr lang="en-US" sz="2000" b="1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</a:br>
            <a:r>
              <a:rPr lang="en-US" sz="2000" b="1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experience impact though.</a:t>
            </a: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6" name="Arrow: Down 15">
            <a:extLst>
              <a:ext uri="{FF2B5EF4-FFF2-40B4-BE49-F238E27FC236}">
                <a16:creationId xmlns:a16="http://schemas.microsoft.com/office/drawing/2014/main" id="{6DFAB705-3E8F-C775-8A33-6DFD3F8C3B03}"/>
              </a:ext>
            </a:extLst>
          </p:cNvPr>
          <p:cNvSpPr/>
          <p:nvPr/>
        </p:nvSpPr>
        <p:spPr>
          <a:xfrm>
            <a:off x="1894114" y="5031780"/>
            <a:ext cx="729343" cy="718145"/>
          </a:xfrm>
          <a:prstGeom prst="downArrow">
            <a:avLst/>
          </a:prstGeom>
          <a:solidFill>
            <a:schemeClr val="accent3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2FF75A3B-3429-663E-1C3D-F849BB1D5C87}"/>
              </a:ext>
            </a:extLst>
          </p:cNvPr>
          <p:cNvSpPr txBox="1"/>
          <p:nvPr/>
        </p:nvSpPr>
        <p:spPr>
          <a:xfrm>
            <a:off x="5638800" y="5924550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utonomous networks need to make sure that changes are made in a </a:t>
            </a:r>
            <a:r>
              <a:rPr kumimoji="0" lang="en-US" sz="2000" b="1" i="1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afe</a:t>
            </a:r>
            <a:r>
              <a:rPr kumimoji="0" lang="en-US" sz="200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manner, but if something goes wrong, </a:t>
            </a:r>
            <a:br>
              <a:rPr kumimoji="0" lang="en-US" sz="200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200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hey also find the root cause quickly and apply the appropriate (</a:t>
            </a:r>
            <a:r>
              <a:rPr kumimoji="0" lang="en-US" sz="2000" b="1" i="1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afe</a:t>
            </a:r>
            <a:r>
              <a:rPr kumimoji="0" lang="en-US" sz="200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) change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Arrow: Down 18">
            <a:extLst>
              <a:ext uri="{FF2B5EF4-FFF2-40B4-BE49-F238E27FC236}">
                <a16:creationId xmlns:a16="http://schemas.microsoft.com/office/drawing/2014/main" id="{A504127B-1E23-F194-F801-BF1532B9ADAA}"/>
              </a:ext>
            </a:extLst>
          </p:cNvPr>
          <p:cNvSpPr/>
          <p:nvPr/>
        </p:nvSpPr>
        <p:spPr>
          <a:xfrm>
            <a:off x="8832851" y="5031780"/>
            <a:ext cx="729343" cy="718145"/>
          </a:xfrm>
          <a:prstGeom prst="downArrow">
            <a:avLst/>
          </a:prstGeom>
          <a:solidFill>
            <a:schemeClr val="accent3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</p:spTree>
    <p:extLst>
      <p:ext uri="{BB962C8B-B14F-4D97-AF65-F5344CB8AC3E}">
        <p14:creationId xmlns:p14="http://schemas.microsoft.com/office/powerpoint/2010/main" val="177590391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/>
      <p:bldP spid="11" grpId="0" animBg="1"/>
      <p:bldP spid="12" grpId="0" animBg="1"/>
      <p:bldP spid="13" grpId="0"/>
      <p:bldP spid="16" grpId="0" animBg="1"/>
      <p:bldP spid="17" grpId="0"/>
      <p:bldP spid="19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43D332AF-4D53-3CE4-8BCD-58BAC3B9AD32}"/>
              </a:ext>
            </a:extLst>
          </p:cNvPr>
          <p:cNvSpPr/>
          <p:nvPr/>
        </p:nvSpPr>
        <p:spPr>
          <a:xfrm>
            <a:off x="1873401" y="4434409"/>
            <a:ext cx="7943385" cy="64700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777362BD-BCAC-04FF-581F-87DD360312C6}"/>
              </a:ext>
            </a:extLst>
          </p:cNvPr>
          <p:cNvSpPr/>
          <p:nvPr/>
        </p:nvSpPr>
        <p:spPr>
          <a:xfrm>
            <a:off x="1873402" y="5138912"/>
            <a:ext cx="7943385" cy="64700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5229EBC3-D22A-E920-3D31-828D478BB0AC}"/>
              </a:ext>
            </a:extLst>
          </p:cNvPr>
          <p:cNvSpPr/>
          <p:nvPr/>
        </p:nvSpPr>
        <p:spPr>
          <a:xfrm>
            <a:off x="1873402" y="5852011"/>
            <a:ext cx="7943385" cy="64700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43529261-2090-CE0D-EFDC-534062FA3ACE}"/>
              </a:ext>
            </a:extLst>
          </p:cNvPr>
          <p:cNvSpPr/>
          <p:nvPr/>
        </p:nvSpPr>
        <p:spPr>
          <a:xfrm>
            <a:off x="1873402" y="3728455"/>
            <a:ext cx="7943385" cy="64700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C7E72006-3E40-F63F-560B-22E84A87A834}"/>
              </a:ext>
            </a:extLst>
          </p:cNvPr>
          <p:cNvSpPr/>
          <p:nvPr/>
        </p:nvSpPr>
        <p:spPr>
          <a:xfrm>
            <a:off x="1873402" y="2997008"/>
            <a:ext cx="7943385" cy="64700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0EC433F3-905E-35BD-2BDD-F2F32387291E}"/>
              </a:ext>
            </a:extLst>
          </p:cNvPr>
          <p:cNvSpPr/>
          <p:nvPr/>
        </p:nvSpPr>
        <p:spPr>
          <a:xfrm>
            <a:off x="1873402" y="2287047"/>
            <a:ext cx="7943385" cy="64700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endParaRPr lang="en-US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5C809C3-C18C-9952-EF0C-318E6E21BCF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nge safety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BF1D649-A14D-48A2-4F99-1CD1421C6BAF}"/>
              </a:ext>
            </a:extLst>
          </p:cNvPr>
          <p:cNvSpPr txBox="1"/>
          <p:nvPr/>
        </p:nvSpPr>
        <p:spPr>
          <a:xfrm>
            <a:off x="1092820" y="1326997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ctr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o come up with changes and evaluate their safety we need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6FA0E30-AD40-11F8-6840-F2CA7FC8B318}"/>
              </a:ext>
            </a:extLst>
          </p:cNvPr>
          <p:cNvSpPr txBox="1"/>
          <p:nvPr/>
        </p:nvSpPr>
        <p:spPr>
          <a:xfrm>
            <a:off x="2910465" y="2174489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ctr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redictive model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B286FA0-1E10-C96A-528C-DCCDB777373D}"/>
              </a:ext>
            </a:extLst>
          </p:cNvPr>
          <p:cNvSpPr txBox="1"/>
          <p:nvPr/>
        </p:nvSpPr>
        <p:spPr>
          <a:xfrm>
            <a:off x="2910465" y="2860288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ctr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Real-time network topology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43ACBA4-D16D-25B4-A8B8-E4A6D6C28153}"/>
              </a:ext>
            </a:extLst>
          </p:cNvPr>
          <p:cNvSpPr txBox="1"/>
          <p:nvPr/>
        </p:nvSpPr>
        <p:spPr>
          <a:xfrm>
            <a:off x="2910465" y="3583372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ctr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Domain expertise (ontology in some shape or form)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CEE4B26-919D-E56D-4009-22E40BF1FDA6}"/>
              </a:ext>
            </a:extLst>
          </p:cNvPr>
          <p:cNvSpPr txBox="1"/>
          <p:nvPr/>
        </p:nvSpPr>
        <p:spPr>
          <a:xfrm>
            <a:off x="2910465" y="4302626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ctr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Network state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AA6DA7E-0BEA-6EAF-5A3D-6BE39477FABB}"/>
              </a:ext>
            </a:extLst>
          </p:cNvPr>
          <p:cNvSpPr txBox="1"/>
          <p:nvPr/>
        </p:nvSpPr>
        <p:spPr>
          <a:xfrm>
            <a:off x="2910465" y="4990282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ctr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Requirements or constraints which the network needs to meet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515E9E0-E7AA-3431-FA09-9615BF2BFE57}"/>
              </a:ext>
            </a:extLst>
          </p:cNvPr>
          <p:cNvSpPr txBox="1"/>
          <p:nvPr/>
        </p:nvSpPr>
        <p:spPr>
          <a:xfrm>
            <a:off x="2910465" y="5720690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ctr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Reasoning capabilities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E1682C68-209E-D061-981E-BAD2AB19AFAA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>
            <a:fillRect/>
          </a:stretch>
        </p:blipFill>
        <p:spPr>
          <a:xfrm>
            <a:off x="2111294" y="5188453"/>
            <a:ext cx="547688" cy="547688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E5FF0A25-F75B-6121-BA7A-F3E6CD4D1657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>
            <a:fillRect/>
          </a:stretch>
        </p:blipFill>
        <p:spPr>
          <a:xfrm>
            <a:off x="2092709" y="3080527"/>
            <a:ext cx="491698" cy="491698"/>
          </a:xfrm>
          <a:prstGeom prst="rect">
            <a:avLst/>
          </a:prstGeom>
        </p:spPr>
      </p:pic>
      <p:pic>
        <p:nvPicPr>
          <p:cNvPr id="18" name="Graphic 17">
            <a:extLst>
              <a:ext uri="{FF2B5EF4-FFF2-40B4-BE49-F238E27FC236}">
                <a16:creationId xmlns:a16="http://schemas.microsoft.com/office/drawing/2014/main" id="{69A49F9B-CFE4-FF99-6C33-5E595EDF8AF9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rcRect/>
          <a:stretch>
            <a:fillRect/>
          </a:stretch>
        </p:blipFill>
        <p:spPr>
          <a:xfrm>
            <a:off x="2111294" y="5893766"/>
            <a:ext cx="547688" cy="547688"/>
          </a:xfrm>
          <a:prstGeom prst="rect">
            <a:avLst/>
          </a:prstGeom>
        </p:spPr>
      </p:pic>
      <p:pic>
        <p:nvPicPr>
          <p:cNvPr id="24" name="Graphic 23">
            <a:extLst>
              <a:ext uri="{FF2B5EF4-FFF2-40B4-BE49-F238E27FC236}">
                <a16:creationId xmlns:a16="http://schemas.microsoft.com/office/drawing/2014/main" id="{9FF0F385-81D1-417E-7084-EE2B3492744D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rcRect/>
          <a:stretch>
            <a:fillRect/>
          </a:stretch>
        </p:blipFill>
        <p:spPr>
          <a:xfrm>
            <a:off x="2028997" y="4439347"/>
            <a:ext cx="631903" cy="631903"/>
          </a:xfrm>
          <a:prstGeom prst="rect">
            <a:avLst/>
          </a:prstGeom>
        </p:spPr>
      </p:pic>
      <p:pic>
        <p:nvPicPr>
          <p:cNvPr id="26" name="Graphic 25">
            <a:extLst>
              <a:ext uri="{FF2B5EF4-FFF2-40B4-BE49-F238E27FC236}">
                <a16:creationId xmlns:a16="http://schemas.microsoft.com/office/drawing/2014/main" id="{3E9FF6AD-76CE-85D3-4438-75EDC967F18F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rcRect/>
          <a:stretch>
            <a:fillRect/>
          </a:stretch>
        </p:blipFill>
        <p:spPr>
          <a:xfrm>
            <a:off x="2092709" y="3785839"/>
            <a:ext cx="491699" cy="491699"/>
          </a:xfrm>
          <a:prstGeom prst="rect">
            <a:avLst/>
          </a:prstGeom>
        </p:spPr>
      </p:pic>
      <p:pic>
        <p:nvPicPr>
          <p:cNvPr id="28" name="Graphic 27">
            <a:extLst>
              <a:ext uri="{FF2B5EF4-FFF2-40B4-BE49-F238E27FC236}">
                <a16:creationId xmlns:a16="http://schemas.microsoft.com/office/drawing/2014/main" id="{2B726DD7-21F3-6E5A-4DB8-C005FB1B60D0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8">
            <a:extLst>
              <a:ext uri="{96DAC541-7B7A-43D3-8B79-37D633B846F1}">
                <asvg:svgBlip xmlns:asvg="http://schemas.microsoft.com/office/drawing/2016/SVG/main" r:embed="rId19"/>
              </a:ext>
            </a:extLst>
          </a:blip>
          <a:srcRect/>
          <a:stretch>
            <a:fillRect/>
          </a:stretch>
        </p:blipFill>
        <p:spPr>
          <a:xfrm>
            <a:off x="2028996" y="2353953"/>
            <a:ext cx="491699" cy="491699"/>
          </a:xfrm>
          <a:prstGeom prst="rect">
            <a:avLst/>
          </a:prstGeom>
        </p:spPr>
      </p:pic>
      <p:sp>
        <p:nvSpPr>
          <p:cNvPr id="35" name="Right Brace 34">
            <a:extLst>
              <a:ext uri="{FF2B5EF4-FFF2-40B4-BE49-F238E27FC236}">
                <a16:creationId xmlns:a16="http://schemas.microsoft.com/office/drawing/2014/main" id="{1BB98519-C21F-B1E0-68D4-8B4D0E989D8F}"/>
              </a:ext>
            </a:extLst>
          </p:cNvPr>
          <p:cNvSpPr/>
          <p:nvPr/>
        </p:nvSpPr>
        <p:spPr bwMode="auto">
          <a:xfrm>
            <a:off x="9869638" y="2174488"/>
            <a:ext cx="546410" cy="4486677"/>
          </a:xfrm>
          <a:prstGeom prst="rightBrace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9745AF22-28E9-2954-32D3-BA255A28B0FA}"/>
              </a:ext>
            </a:extLst>
          </p:cNvPr>
          <p:cNvSpPr txBox="1"/>
          <p:nvPr/>
        </p:nvSpPr>
        <p:spPr>
          <a:xfrm rot="5400000">
            <a:off x="10468899" y="391826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ctr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1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Network Digital Twin</a:t>
            </a:r>
          </a:p>
        </p:txBody>
      </p:sp>
    </p:spTree>
    <p:extLst>
      <p:ext uri="{BB962C8B-B14F-4D97-AF65-F5344CB8AC3E}">
        <p14:creationId xmlns:p14="http://schemas.microsoft.com/office/powerpoint/2010/main" val="318289208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CCA378F-5E3C-2647-EB32-09015108CA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oot cause analysis workflow</a:t>
            </a:r>
          </a:p>
        </p:txBody>
      </p: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4ADFD987-C1C3-C226-894A-41A2E239EE5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654164190"/>
              </p:ext>
            </p:extLst>
          </p:nvPr>
        </p:nvGraphicFramePr>
        <p:xfrm>
          <a:off x="1737359" y="1636869"/>
          <a:ext cx="9045869" cy="4131563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44480836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01C205-8362-DEB1-B2FB-9AD0AA5F714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Knowledge plan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6117513D-4F50-77DB-FDF5-56B730E80701}"/>
              </a:ext>
            </a:extLst>
          </p:cNvPr>
          <p:cNvSpPr/>
          <p:nvPr/>
        </p:nvSpPr>
        <p:spPr>
          <a:xfrm>
            <a:off x="3972176" y="4861525"/>
            <a:ext cx="1687922" cy="474606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050"/>
              <a:t>Knowledge Generation </a:t>
            </a:r>
            <a:r>
              <a:rPr lang="en-IN" sz="1050" err="1"/>
              <a:t>Fn</a:t>
            </a:r>
            <a:endParaRPr lang="en-IN" sz="105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6473774-CEAC-5995-CB35-13FB9B31792C}"/>
              </a:ext>
            </a:extLst>
          </p:cNvPr>
          <p:cNvSpPr/>
          <p:nvPr/>
        </p:nvSpPr>
        <p:spPr>
          <a:xfrm>
            <a:off x="5715976" y="4860509"/>
            <a:ext cx="1441820" cy="474607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050"/>
              <a:t>Knowledge Fusion </a:t>
            </a:r>
            <a:r>
              <a:rPr lang="en-IN" sz="1050" err="1"/>
              <a:t>Fn</a:t>
            </a:r>
            <a:endParaRPr lang="en-IN" sz="105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97C81FCE-7082-318E-FF15-59E6DED0204D}"/>
              </a:ext>
            </a:extLst>
          </p:cNvPr>
          <p:cNvSpPr/>
          <p:nvPr/>
        </p:nvSpPr>
        <p:spPr>
          <a:xfrm>
            <a:off x="1821278" y="5521247"/>
            <a:ext cx="8418443" cy="671401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050"/>
              <a:t>DataOps – Data Management &amp; Governance (Data Products)</a:t>
            </a:r>
            <a:br>
              <a:rPr lang="en-IN" sz="1050"/>
            </a:br>
            <a:r>
              <a:rPr lang="en-IN" sz="1050"/>
              <a:t>(Data Processing </a:t>
            </a:r>
            <a:r>
              <a:rPr lang="en-IN" sz="1050" err="1"/>
              <a:t>Fn</a:t>
            </a:r>
            <a:r>
              <a:rPr lang="en-IN" sz="1050"/>
              <a:t>)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CDFB8C2F-CD39-3EB2-B2FA-3F3B1EFB543E}"/>
              </a:ext>
            </a:extLst>
          </p:cNvPr>
          <p:cNvSpPr/>
          <p:nvPr/>
        </p:nvSpPr>
        <p:spPr>
          <a:xfrm>
            <a:off x="2226088" y="4859002"/>
            <a:ext cx="1690210" cy="47460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050"/>
              <a:t>Information Extraction </a:t>
            </a:r>
            <a:r>
              <a:rPr lang="en-IN" sz="1050" err="1"/>
              <a:t>Fn</a:t>
            </a:r>
            <a:endParaRPr lang="en-IN" sz="1050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B99AD33D-C15B-40CF-778B-AEC887ACF29C}"/>
              </a:ext>
            </a:extLst>
          </p:cNvPr>
          <p:cNvSpPr/>
          <p:nvPr/>
        </p:nvSpPr>
        <p:spPr>
          <a:xfrm>
            <a:off x="2266251" y="2275860"/>
            <a:ext cx="4577481" cy="474606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100"/>
              <a:t>Knowledge Query &amp; Exposure</a:t>
            </a:r>
            <a:br>
              <a:rPr lang="en-IN" sz="1100"/>
            </a:br>
            <a:r>
              <a:rPr lang="en-IN" sz="1100"/>
              <a:t>(Knowledge Storage </a:t>
            </a:r>
            <a:r>
              <a:rPr lang="en-IN" sz="1100" err="1"/>
              <a:t>Fn</a:t>
            </a:r>
            <a:r>
              <a:rPr lang="en-IN" sz="1100"/>
              <a:t>) – based on MCP, Agent, TMF API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F99E6E54-4D8D-AEE5-2554-C03C059D40D3}"/>
              </a:ext>
            </a:extLst>
          </p:cNvPr>
          <p:cNvSpPr/>
          <p:nvPr/>
        </p:nvSpPr>
        <p:spPr>
          <a:xfrm>
            <a:off x="7221910" y="4851883"/>
            <a:ext cx="2205029" cy="48521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050"/>
              <a:t>Knowledge Recommendation </a:t>
            </a:r>
            <a:r>
              <a:rPr lang="en-IN" sz="1050" err="1"/>
              <a:t>Fn</a:t>
            </a:r>
            <a:endParaRPr lang="en-IN" sz="1050"/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F2E7A361-563E-2066-05EB-05B745836C1E}"/>
              </a:ext>
            </a:extLst>
          </p:cNvPr>
          <p:cNvGrpSpPr/>
          <p:nvPr/>
        </p:nvGrpSpPr>
        <p:grpSpPr>
          <a:xfrm>
            <a:off x="4864643" y="2959153"/>
            <a:ext cx="1979089" cy="1602873"/>
            <a:chOff x="9251453" y="2930371"/>
            <a:chExt cx="1496704" cy="1812230"/>
          </a:xfrm>
        </p:grpSpPr>
        <p:sp>
          <p:nvSpPr>
            <p:cNvPr id="12" name="Cylinder 11">
              <a:extLst>
                <a:ext uri="{FF2B5EF4-FFF2-40B4-BE49-F238E27FC236}">
                  <a16:creationId xmlns:a16="http://schemas.microsoft.com/office/drawing/2014/main" id="{FF27AA35-ABC2-8D57-CB6C-E17F707C7525}"/>
                </a:ext>
              </a:extLst>
            </p:cNvPr>
            <p:cNvSpPr/>
            <p:nvPr/>
          </p:nvSpPr>
          <p:spPr>
            <a:xfrm>
              <a:off x="9251453" y="2930371"/>
              <a:ext cx="1496704" cy="1812230"/>
            </a:xfrm>
            <a:prstGeom prst="can">
              <a:avLst>
                <a:gd name="adj" fmla="val 10714"/>
              </a:avLst>
            </a:prstGeom>
            <a:solidFill>
              <a:schemeClr val="accent2">
                <a:lumMod val="60000"/>
                <a:lumOff val="40000"/>
              </a:schemeClr>
            </a:solidFill>
            <a:ln>
              <a:solidFill>
                <a:schemeClr val="bg1"/>
              </a:solidFill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b"/>
            <a:lstStyle/>
            <a:p>
              <a:pPr algn="ctr">
                <a:spcBef>
                  <a:spcPts val="800"/>
                </a:spcBef>
              </a:pPr>
              <a:r>
                <a:rPr lang="en-IN" sz="1100">
                  <a:solidFill>
                    <a:schemeClr val="tx1"/>
                  </a:solidFill>
                </a:rPr>
                <a:t>Knowledge Storage </a:t>
              </a:r>
              <a:r>
                <a:rPr lang="en-IN" sz="1100" err="1">
                  <a:solidFill>
                    <a:schemeClr val="tx1"/>
                  </a:solidFill>
                </a:rPr>
                <a:t>Fn</a:t>
              </a:r>
              <a:br>
                <a:rPr lang="en-IN" sz="1100">
                  <a:solidFill>
                    <a:schemeClr val="tx1"/>
                  </a:solidFill>
                </a:rPr>
              </a:br>
              <a:r>
                <a:rPr lang="en-IN" sz="1100">
                  <a:solidFill>
                    <a:schemeClr val="tx1"/>
                  </a:solidFill>
                </a:rPr>
                <a:t>(explicit &amp; derived)</a:t>
              </a:r>
            </a:p>
          </p:txBody>
        </p:sp>
        <p:sp>
          <p:nvSpPr>
            <p:cNvPr id="13" name="Rectangle: Rounded Corners 12">
              <a:extLst>
                <a:ext uri="{FF2B5EF4-FFF2-40B4-BE49-F238E27FC236}">
                  <a16:creationId xmlns:a16="http://schemas.microsoft.com/office/drawing/2014/main" id="{0D329D42-6954-E7C1-9302-858D6DEFBE6D}"/>
                </a:ext>
              </a:extLst>
            </p:cNvPr>
            <p:cNvSpPr/>
            <p:nvPr/>
          </p:nvSpPr>
          <p:spPr>
            <a:xfrm>
              <a:off x="9353813" y="3300917"/>
              <a:ext cx="1310741" cy="256177"/>
            </a:xfrm>
            <a:prstGeom prst="roundRect">
              <a:avLst/>
            </a:prstGeom>
            <a:solidFill>
              <a:schemeClr val="bg2">
                <a:lumMod val="50000"/>
              </a:schemeClr>
            </a:solidFill>
            <a:ln w="9525">
              <a:solidFill>
                <a:schemeClr val="bg1"/>
              </a:solidFill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800"/>
                </a:spcBef>
              </a:pPr>
              <a:r>
                <a:rPr lang="en-IN" sz="900"/>
                <a:t>Semantic Ontology</a:t>
              </a:r>
            </a:p>
          </p:txBody>
        </p:sp>
        <p:sp>
          <p:nvSpPr>
            <p:cNvPr id="14" name="Rectangle: Rounded Corners 13">
              <a:extLst>
                <a:ext uri="{FF2B5EF4-FFF2-40B4-BE49-F238E27FC236}">
                  <a16:creationId xmlns:a16="http://schemas.microsoft.com/office/drawing/2014/main" id="{06EF7C3D-6E7D-C3EB-66DD-FB5880BFB865}"/>
                </a:ext>
              </a:extLst>
            </p:cNvPr>
            <p:cNvSpPr/>
            <p:nvPr/>
          </p:nvSpPr>
          <p:spPr>
            <a:xfrm>
              <a:off x="9347337" y="3953296"/>
              <a:ext cx="1321766" cy="256177"/>
            </a:xfrm>
            <a:prstGeom prst="roundRect">
              <a:avLst/>
            </a:prstGeom>
            <a:solidFill>
              <a:srgbClr val="E66E19"/>
            </a:solidFill>
            <a:ln w="9525">
              <a:solidFill>
                <a:schemeClr val="bg1"/>
              </a:solidFill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800"/>
                </a:spcBef>
              </a:pPr>
              <a:r>
                <a:rPr lang="en-IN" sz="900"/>
                <a:t>Knowledge Graph</a:t>
              </a:r>
            </a:p>
          </p:txBody>
        </p:sp>
      </p:grp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37A31EEF-EBBB-DCB9-3B44-8E3C5923BA1C}"/>
              </a:ext>
            </a:extLst>
          </p:cNvPr>
          <p:cNvCxnSpPr>
            <a:cxnSpLocks/>
          </p:cNvCxnSpPr>
          <p:nvPr/>
        </p:nvCxnSpPr>
        <p:spPr bwMode="auto">
          <a:xfrm flipV="1">
            <a:off x="5865315" y="3513474"/>
            <a:ext cx="1273" cy="350431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bg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3658975D-750C-27E8-A237-0DA7567E0467}"/>
              </a:ext>
            </a:extLst>
          </p:cNvPr>
          <p:cNvSpPr txBox="1"/>
          <p:nvPr/>
        </p:nvSpPr>
        <p:spPr>
          <a:xfrm>
            <a:off x="5215920" y="3636180"/>
            <a:ext cx="772465" cy="152494"/>
          </a:xfrm>
          <a:prstGeom prst="rect">
            <a:avLst/>
          </a:prstGeom>
          <a:noFill/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IN" sz="700" kern="1000" spc="-30">
                <a:solidFill>
                  <a:schemeClr val="tx1"/>
                </a:solidFill>
              </a:rPr>
              <a:t>Adheres to</a:t>
            </a:r>
            <a:endParaRPr kumimoji="0" lang="en-IN" sz="7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7" name="Arrow: Pentagon 16">
            <a:extLst>
              <a:ext uri="{FF2B5EF4-FFF2-40B4-BE49-F238E27FC236}">
                <a16:creationId xmlns:a16="http://schemas.microsoft.com/office/drawing/2014/main" id="{291C9A51-C2D8-BAD0-AA19-FC8EE8C96CE6}"/>
              </a:ext>
            </a:extLst>
          </p:cNvPr>
          <p:cNvSpPr/>
          <p:nvPr/>
        </p:nvSpPr>
        <p:spPr>
          <a:xfrm>
            <a:off x="2594843" y="2981380"/>
            <a:ext cx="2129969" cy="361884"/>
          </a:xfrm>
          <a:prstGeom prst="homePlate">
            <a:avLst>
              <a:gd name="adj" fmla="val 22170"/>
            </a:avLst>
          </a:prstGeom>
          <a:solidFill>
            <a:srgbClr val="E65D6A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>
              <a:spcBef>
                <a:spcPts val="800"/>
              </a:spcBef>
            </a:pPr>
            <a:r>
              <a:rPr lang="en-IN" sz="1200"/>
              <a:t>Knowledge Construction</a:t>
            </a:r>
          </a:p>
        </p:txBody>
      </p:sp>
      <p:sp>
        <p:nvSpPr>
          <p:cNvPr id="18" name="Arrow: Pentagon 17">
            <a:extLst>
              <a:ext uri="{FF2B5EF4-FFF2-40B4-BE49-F238E27FC236}">
                <a16:creationId xmlns:a16="http://schemas.microsoft.com/office/drawing/2014/main" id="{13A5FBAD-ACE1-F602-A09F-E2F396DB21ED}"/>
              </a:ext>
            </a:extLst>
          </p:cNvPr>
          <p:cNvSpPr/>
          <p:nvPr/>
        </p:nvSpPr>
        <p:spPr>
          <a:xfrm>
            <a:off x="2593381" y="3421573"/>
            <a:ext cx="2129969" cy="348785"/>
          </a:xfrm>
          <a:prstGeom prst="homePlate">
            <a:avLst>
              <a:gd name="adj" fmla="val 22170"/>
            </a:avLst>
          </a:prstGeom>
          <a:solidFill>
            <a:srgbClr val="E65D6A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>
              <a:spcBef>
                <a:spcPts val="800"/>
              </a:spcBef>
            </a:pPr>
            <a:r>
              <a:rPr lang="en-IN" sz="1200"/>
              <a:t>Knowledge Import</a:t>
            </a:r>
          </a:p>
        </p:txBody>
      </p:sp>
      <p:sp>
        <p:nvSpPr>
          <p:cNvPr id="19" name="Arrow: Pentagon 18">
            <a:extLst>
              <a:ext uri="{FF2B5EF4-FFF2-40B4-BE49-F238E27FC236}">
                <a16:creationId xmlns:a16="http://schemas.microsoft.com/office/drawing/2014/main" id="{3B41562F-4D33-9A0C-12D3-481354B2AF1D}"/>
              </a:ext>
            </a:extLst>
          </p:cNvPr>
          <p:cNvSpPr/>
          <p:nvPr/>
        </p:nvSpPr>
        <p:spPr>
          <a:xfrm>
            <a:off x="2593381" y="3833289"/>
            <a:ext cx="2002160" cy="388399"/>
          </a:xfrm>
          <a:prstGeom prst="homePlate">
            <a:avLst>
              <a:gd name="adj" fmla="val 22170"/>
            </a:avLst>
          </a:prstGeom>
          <a:solidFill>
            <a:srgbClr val="E65D6A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>
              <a:spcBef>
                <a:spcPts val="800"/>
              </a:spcBef>
            </a:pPr>
            <a:r>
              <a:rPr lang="en-IN" sz="1200"/>
              <a:t>Knowledge Re-creation</a:t>
            </a:r>
          </a:p>
        </p:txBody>
      </p:sp>
      <p:sp>
        <p:nvSpPr>
          <p:cNvPr id="20" name="Arrow: Pentagon 19">
            <a:extLst>
              <a:ext uri="{FF2B5EF4-FFF2-40B4-BE49-F238E27FC236}">
                <a16:creationId xmlns:a16="http://schemas.microsoft.com/office/drawing/2014/main" id="{7BF37E06-3ACA-3ED7-17FC-FD788702D349}"/>
              </a:ext>
            </a:extLst>
          </p:cNvPr>
          <p:cNvSpPr/>
          <p:nvPr/>
        </p:nvSpPr>
        <p:spPr>
          <a:xfrm>
            <a:off x="2623830" y="4326684"/>
            <a:ext cx="2002160" cy="361884"/>
          </a:xfrm>
          <a:prstGeom prst="homePlate">
            <a:avLst>
              <a:gd name="adj" fmla="val 22170"/>
            </a:avLst>
          </a:prstGeom>
          <a:solidFill>
            <a:srgbClr val="E65D6A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>
              <a:spcBef>
                <a:spcPts val="800"/>
              </a:spcBef>
            </a:pPr>
            <a:r>
              <a:rPr lang="en-IN" sz="1200"/>
              <a:t>Knowledge Update</a:t>
            </a:r>
          </a:p>
        </p:txBody>
      </p:sp>
      <p:sp>
        <p:nvSpPr>
          <p:cNvPr id="21" name="Arrow: Pentagon 20">
            <a:extLst>
              <a:ext uri="{FF2B5EF4-FFF2-40B4-BE49-F238E27FC236}">
                <a16:creationId xmlns:a16="http://schemas.microsoft.com/office/drawing/2014/main" id="{D07F0A06-0C64-6E92-3AF5-B29FA7AC2022}"/>
              </a:ext>
            </a:extLst>
          </p:cNvPr>
          <p:cNvSpPr/>
          <p:nvPr/>
        </p:nvSpPr>
        <p:spPr>
          <a:xfrm>
            <a:off x="7444863" y="3441516"/>
            <a:ext cx="1900797" cy="310782"/>
          </a:xfrm>
          <a:prstGeom prst="homePlate">
            <a:avLst>
              <a:gd name="adj" fmla="val 22170"/>
            </a:avLst>
          </a:prstGeom>
          <a:solidFill>
            <a:srgbClr val="E65D6A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200"/>
              <a:t>Knowledge Sharing</a:t>
            </a:r>
          </a:p>
        </p:txBody>
      </p:sp>
      <p:sp>
        <p:nvSpPr>
          <p:cNvPr id="22" name="Arrow: Pentagon 21">
            <a:extLst>
              <a:ext uri="{FF2B5EF4-FFF2-40B4-BE49-F238E27FC236}">
                <a16:creationId xmlns:a16="http://schemas.microsoft.com/office/drawing/2014/main" id="{3C1F7CD0-3157-32CF-B27B-DAE116BC202A}"/>
              </a:ext>
            </a:extLst>
          </p:cNvPr>
          <p:cNvSpPr/>
          <p:nvPr/>
        </p:nvSpPr>
        <p:spPr>
          <a:xfrm>
            <a:off x="8602779" y="891663"/>
            <a:ext cx="2002160" cy="310782"/>
          </a:xfrm>
          <a:prstGeom prst="homePlate">
            <a:avLst>
              <a:gd name="adj" fmla="val 22170"/>
            </a:avLst>
          </a:prstGeom>
          <a:solidFill>
            <a:srgbClr val="E65D6A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>
              <a:spcBef>
                <a:spcPts val="800"/>
              </a:spcBef>
            </a:pPr>
            <a:r>
              <a:rPr lang="en-IN" sz="1200"/>
              <a:t>TMF KM Processes</a:t>
            </a:r>
          </a:p>
        </p:txBody>
      </p:sp>
      <p:sp>
        <p:nvSpPr>
          <p:cNvPr id="23" name="Arrow: Pentagon 22">
            <a:extLst>
              <a:ext uri="{FF2B5EF4-FFF2-40B4-BE49-F238E27FC236}">
                <a16:creationId xmlns:a16="http://schemas.microsoft.com/office/drawing/2014/main" id="{4ACAE13E-344E-2458-3C7A-75F92387EBB5}"/>
              </a:ext>
            </a:extLst>
          </p:cNvPr>
          <p:cNvSpPr/>
          <p:nvPr/>
        </p:nvSpPr>
        <p:spPr>
          <a:xfrm>
            <a:off x="7449424" y="3810928"/>
            <a:ext cx="1900797" cy="373222"/>
          </a:xfrm>
          <a:prstGeom prst="homePlate">
            <a:avLst>
              <a:gd name="adj" fmla="val 22170"/>
            </a:avLst>
          </a:prstGeom>
          <a:solidFill>
            <a:srgbClr val="E65D6A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200"/>
              <a:t>Knowledge Federation</a:t>
            </a:r>
          </a:p>
        </p:txBody>
      </p:sp>
      <p:sp>
        <p:nvSpPr>
          <p:cNvPr id="24" name="Arrow: Pentagon 23">
            <a:extLst>
              <a:ext uri="{FF2B5EF4-FFF2-40B4-BE49-F238E27FC236}">
                <a16:creationId xmlns:a16="http://schemas.microsoft.com/office/drawing/2014/main" id="{7EB71F83-85AD-1164-B5E7-D2BD21268A28}"/>
              </a:ext>
            </a:extLst>
          </p:cNvPr>
          <p:cNvSpPr/>
          <p:nvPr/>
        </p:nvSpPr>
        <p:spPr>
          <a:xfrm>
            <a:off x="7431439" y="4229491"/>
            <a:ext cx="1908988" cy="459077"/>
          </a:xfrm>
          <a:prstGeom prst="homePlate">
            <a:avLst>
              <a:gd name="adj" fmla="val 22170"/>
            </a:avLst>
          </a:prstGeom>
          <a:solidFill>
            <a:srgbClr val="E65D6A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200"/>
              <a:t>Knowledge export</a:t>
            </a:r>
          </a:p>
        </p:txBody>
      </p:sp>
      <p:sp>
        <p:nvSpPr>
          <p:cNvPr id="25" name="Arrow: Pentagon 24">
            <a:extLst>
              <a:ext uri="{FF2B5EF4-FFF2-40B4-BE49-F238E27FC236}">
                <a16:creationId xmlns:a16="http://schemas.microsoft.com/office/drawing/2014/main" id="{85635979-233B-F23B-BBAA-1B5B1BE665F5}"/>
              </a:ext>
            </a:extLst>
          </p:cNvPr>
          <p:cNvSpPr/>
          <p:nvPr/>
        </p:nvSpPr>
        <p:spPr>
          <a:xfrm>
            <a:off x="7444863" y="2888718"/>
            <a:ext cx="1900797" cy="468650"/>
          </a:xfrm>
          <a:prstGeom prst="homePlate">
            <a:avLst>
              <a:gd name="adj" fmla="val 22170"/>
            </a:avLst>
          </a:prstGeom>
          <a:solidFill>
            <a:srgbClr val="E65D6A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200"/>
              <a:t>Knowledge Recommendation</a:t>
            </a: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276610FA-80CE-8D58-3815-80247CC52271}"/>
              </a:ext>
            </a:extLst>
          </p:cNvPr>
          <p:cNvSpPr/>
          <p:nvPr/>
        </p:nvSpPr>
        <p:spPr>
          <a:xfrm>
            <a:off x="1995403" y="2870928"/>
            <a:ext cx="2741289" cy="1840785"/>
          </a:xfrm>
          <a:prstGeom prst="rect">
            <a:avLst/>
          </a:prstGeom>
          <a:noFill/>
          <a:ln>
            <a:solidFill>
              <a:srgbClr val="E65D6A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vert270" rtlCol="0" anchor="t"/>
          <a:lstStyle/>
          <a:p>
            <a:pPr algn="ctr">
              <a:spcBef>
                <a:spcPts val="800"/>
              </a:spcBef>
            </a:pPr>
            <a:r>
              <a:rPr lang="en-IN" sz="1100">
                <a:solidFill>
                  <a:schemeClr val="tx1"/>
                </a:solidFill>
              </a:rPr>
              <a:t>KP pipelines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E2B8EA3D-DFAE-FD27-E7D9-78BB589C3F32}"/>
              </a:ext>
            </a:extLst>
          </p:cNvPr>
          <p:cNvSpPr/>
          <p:nvPr/>
        </p:nvSpPr>
        <p:spPr>
          <a:xfrm>
            <a:off x="1808904" y="1831202"/>
            <a:ext cx="8430817" cy="3609054"/>
          </a:xfrm>
          <a:prstGeom prst="rect">
            <a:avLst/>
          </a:prstGeom>
          <a:noFill/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>
              <a:spcBef>
                <a:spcPts val="800"/>
              </a:spcBef>
            </a:pPr>
            <a:r>
              <a:rPr lang="en-IN" sz="1100" b="1">
                <a:solidFill>
                  <a:schemeClr val="tx1"/>
                </a:solidFill>
              </a:rPr>
              <a:t>KP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75301E-95D2-DDE8-1E05-57C448A5A243}"/>
              </a:ext>
            </a:extLst>
          </p:cNvPr>
          <p:cNvSpPr/>
          <p:nvPr/>
        </p:nvSpPr>
        <p:spPr>
          <a:xfrm>
            <a:off x="6954132" y="2870928"/>
            <a:ext cx="2472808" cy="1849164"/>
          </a:xfrm>
          <a:prstGeom prst="rect">
            <a:avLst/>
          </a:prstGeom>
          <a:noFill/>
          <a:ln>
            <a:solidFill>
              <a:srgbClr val="E65D6A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vert270" rtlCol="0" anchor="t"/>
          <a:lstStyle/>
          <a:p>
            <a:pPr algn="ctr">
              <a:spcBef>
                <a:spcPts val="800"/>
              </a:spcBef>
            </a:pPr>
            <a:r>
              <a:rPr lang="en-IN" sz="1100">
                <a:solidFill>
                  <a:schemeClr val="tx1"/>
                </a:solidFill>
              </a:rPr>
              <a:t>Knowledge Inference &amp; Exposure Pipelines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7FA377AC-4FE7-C81B-94C0-FB4BA02142D9}"/>
              </a:ext>
            </a:extLst>
          </p:cNvPr>
          <p:cNvSpPr/>
          <p:nvPr/>
        </p:nvSpPr>
        <p:spPr>
          <a:xfrm>
            <a:off x="6930387" y="2283742"/>
            <a:ext cx="2496552" cy="474606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200"/>
              <a:t>Ontology &amp; Knowledge UI</a:t>
            </a: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F7C0A1CE-2162-93A4-71BB-653D35BF3A49}"/>
              </a:ext>
            </a:extLst>
          </p:cNvPr>
          <p:cNvSpPr/>
          <p:nvPr/>
        </p:nvSpPr>
        <p:spPr>
          <a:xfrm>
            <a:off x="8602779" y="422218"/>
            <a:ext cx="2002159" cy="310782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IN" sz="1050"/>
              <a:t>TMF KM Functions (</a:t>
            </a:r>
            <a:r>
              <a:rPr lang="en-IN" sz="1050" err="1"/>
              <a:t>Fn</a:t>
            </a:r>
            <a:r>
              <a:rPr lang="en-IN" sz="1050"/>
              <a:t>)</a:t>
            </a:r>
          </a:p>
        </p:txBody>
      </p:sp>
    </p:spTree>
    <p:extLst>
      <p:ext uri="{BB962C8B-B14F-4D97-AF65-F5344CB8AC3E}">
        <p14:creationId xmlns:p14="http://schemas.microsoft.com/office/powerpoint/2010/main" val="36527079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6D7DC7D-EDF8-3025-3E46-B4F80F2D02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dustry state of art &amp; next step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BE44E228-9347-C738-C0E9-24BFC598C4F9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4" y="1844675"/>
            <a:ext cx="11485835" cy="4392612"/>
          </a:xfrm>
        </p:spPr>
        <p:txBody>
          <a:bodyPr/>
          <a:lstStyle/>
          <a:p>
            <a:r>
              <a:rPr lang="en-US" dirty="0"/>
              <a:t>Root cause analysis relies on a lot of lookup/information retrieval, which got a huge boost with LLMs</a:t>
            </a:r>
          </a:p>
          <a:p>
            <a:r>
              <a:rPr lang="en-US" dirty="0"/>
              <a:t>Recommendation has two flavors</a:t>
            </a:r>
          </a:p>
          <a:p>
            <a:pPr lvl="1"/>
            <a:r>
              <a:rPr lang="en-US" dirty="0"/>
              <a:t>Retrieval-based – mostly works for problems that aren’t new, this is where we are currently</a:t>
            </a:r>
          </a:p>
          <a:p>
            <a:pPr lvl="1"/>
            <a:r>
              <a:rPr lang="en-US" dirty="0"/>
              <a:t>Reasoning-based – this can solve unseen issues, this is the next step</a:t>
            </a:r>
          </a:p>
          <a:p>
            <a:r>
              <a:rPr lang="en-US" dirty="0"/>
              <a:t>LLMs are expensive and contain a lot of irrelevant knowledge </a:t>
            </a:r>
            <a:r>
              <a:rPr lang="en-US" dirty="0">
                <a:sym typeface="Wingdings" panose="05000000000000000000" pitchFamily="2" charset="2"/>
              </a:rPr>
              <a:t> SLMs are a new area to explore in telco</a:t>
            </a:r>
            <a:endParaRPr lang="en-US" dirty="0"/>
          </a:p>
          <a:p>
            <a:r>
              <a:rPr lang="en-US" dirty="0"/>
              <a:t>Digital Twin research is in early stage</a:t>
            </a:r>
          </a:p>
          <a:p>
            <a:pPr lvl="1"/>
            <a:r>
              <a:rPr lang="en-US" dirty="0"/>
              <a:t>We can’t have everything in a model, scalability and cost aspects make this very challenging</a:t>
            </a:r>
          </a:p>
          <a:p>
            <a:pPr lvl="1"/>
            <a:r>
              <a:rPr lang="en-US" dirty="0"/>
              <a:t>We have the technologies that are necessary, but it’s a very complex challenge to slice-and-dice a network model into the most useful twins that connect different technologies in the proper way, while keeping computational costs at bay</a:t>
            </a:r>
          </a:p>
          <a:p>
            <a:r>
              <a:rPr lang="en-US" dirty="0"/>
              <a:t>Knowledge-Ops is again something that’s not well developed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3326641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819A568-9C97-3E8D-72C8-5BE728D0BFE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close-up of a blue surface&#10;&#10;AI-generated content may be incorrect.">
            <a:extLst>
              <a:ext uri="{FF2B5EF4-FFF2-40B4-BE49-F238E27FC236}">
                <a16:creationId xmlns:a16="http://schemas.microsoft.com/office/drawing/2014/main" id="{017C27F7-B73F-45EF-7A73-9729483D91C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Subtitle 3">
            <a:extLst>
              <a:ext uri="{FF2B5EF4-FFF2-40B4-BE49-F238E27FC236}">
                <a16:creationId xmlns:a16="http://schemas.microsoft.com/office/drawing/2014/main" id="{A106A011-1BAB-9AB2-67BE-C841767FAAC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5" name="image">
            <a:extLst>
              <a:ext uri="{FF2B5EF4-FFF2-40B4-BE49-F238E27FC236}">
                <a16:creationId xmlns:a16="http://schemas.microsoft.com/office/drawing/2014/main" id="{1EA67C3A-0AD0-CA6B-B16C-6CED8C786ED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5024177" y="2259975"/>
            <a:ext cx="2120480" cy="2121408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0053045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979884901112625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tempsvg60bf7dcf3095d.sv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tempsvg60bf7dfd52fb1.sv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tempsvg60bf7dd48379f.sv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tempsvg60bf89cf3e907.sv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tempsvg624c2b45e6d1d.svg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777865083860825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Hammer-and-screwdriver.svg.sv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Component.svg.sv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Wrench.svg.sv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Robot 3.svg.sv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Shield.svg.sv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tempsvg60bf89d7f0a82.sv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tempsvg60bf89b728bac.sv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dmzlat\AppData\Local\Temp\Templafy\PowerPointVsto\Assets\tempsvg60bf7dc0bc4f6.svg"/>
</p:tagLst>
</file>

<file path=ppt/theme/theme1.xml><?xml version="1.0" encoding="utf-8"?>
<a:theme xmlns:a="http://schemas.openxmlformats.org/drawingml/2006/main" name="PresentationTemplate2025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spcBef>
            <a:spcPts val="800"/>
          </a:spcBef>
          <a:defRPr dirty="0" err="1" smtClean="0"/>
        </a:defPPr>
      </a:lstStyle>
      <a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R="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tabLst/>
          <a:defRPr kumimoji="0" sz="2000" b="0" i="0" u="none" strike="noStrike" kern="1000" cap="none" spc="-30" normalizeH="0" baseline="0" noProof="0" dirty="0" err="1">
            <a:ln>
              <a:noFill/>
            </a:ln>
            <a:solidFill>
              <a:schemeClr val="tx1"/>
            </a:solidFill>
            <a:effectLst/>
            <a:uLnTx/>
            <a:uFillTx/>
            <a:latin typeface="+mn-lt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8780731662370545","enableDocumentContentUpdater":true,"version":"1.9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6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,{"propertyName":"DocNoVisible","propertyValue":"{{Form.DocNo.ShowDocNo}}","disableUpdates":false,"type":"customDocumentProperty"}],"templateName":"","templateDescription":"","enableDocumentContentUpdater":true,"version":"1.9"}]]></TemplafyTemplateConfiguration>
</file>

<file path=customXml/item7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(If no external confidentiality class then please choose the blank value)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(Commonly assigned by EriDoc)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(The language code will be appended to the Document No.)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dataSource":"PPT FooterVisibility","displayColumn":"showDocNo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No","label":"Show document number in footer?","fullyQualifiedName":"Doc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(Overwritten with EriDoc values at check-in)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dssX55eEsUSi7BHIV/cPN0YAsowrd/kCkfjj0Xpdj+w="},{"name":"ConfidentialityClass","value":"cT/FOwTWaPknrhRlNMh4SQ=="},{"name":"LanguageCode","value":"5wlu7ZdPxHQj1W0w+yTNSg=="},{"name":"Date","value":"ArZ3eGiLVeVzd1BjGbcbkA=="},{"name":"TemplateType","value":"5wlu7ZdPxHQj1W0w+yTNSg=="},{"name":"DocTitle","value":"5wlu7ZdPxHQj1W0w+yTNSg=="},{"name":"TotalPageNo","value":"5wlu7ZdPxHQj1W0w+yTNSg=="},{"name":"DocNo","value":"5wlu7ZdPxHQj1W0w+yTNSg=="},{"name":"Prepared","value":"NjrPpnPww16QJsVPDsMnFoOGqWCiQjLifjWGAyt+XbE="}]}]]></Templafy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8780731662370544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847502A6-7CBE-43AF-BDF6-4D4423521D8C}">
  <ds:schemaRefs/>
</ds:datastoreItem>
</file>

<file path=customXml/itemProps11.xml><?xml version="1.0" encoding="utf-8"?>
<ds:datastoreItem xmlns:ds="http://schemas.openxmlformats.org/officeDocument/2006/customXml" ds:itemID="{03AF3FDC-ACD1-46F3-A43E-782322DF9816}">
  <ds:schemaRefs/>
</ds:datastoreItem>
</file>

<file path=customXml/itemProps2.xml><?xml version="1.0" encoding="utf-8"?>
<ds:datastoreItem xmlns:ds="http://schemas.openxmlformats.org/officeDocument/2006/customXml" ds:itemID="{B9AEDDE3-EA02-4A8F-B8F8-0606A0AA45FC}">
  <ds:schemaRefs/>
</ds:datastoreItem>
</file>

<file path=customXml/itemProps3.xml><?xml version="1.0" encoding="utf-8"?>
<ds:datastoreItem xmlns:ds="http://schemas.openxmlformats.org/officeDocument/2006/customXml" ds:itemID="{56F2EE69-0CCA-4F48-BE22-EC4A886C57A7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a6550eff-0fc9-443f-8e77-72cbcf778382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09F197C-6A49-47D0-B877-F88807989676}">
  <ds:schemaRefs/>
</ds:datastoreItem>
</file>

<file path=customXml/itemProps6.xml><?xml version="1.0" encoding="utf-8"?>
<ds:datastoreItem xmlns:ds="http://schemas.openxmlformats.org/officeDocument/2006/customXml" ds:itemID="{07958A4E-FAB1-42E4-B6B5-29B01F63F87B}">
  <ds:schemaRefs/>
</ds:datastoreItem>
</file>

<file path=customXml/itemProps7.xml><?xml version="1.0" encoding="utf-8"?>
<ds:datastoreItem xmlns:ds="http://schemas.openxmlformats.org/officeDocument/2006/customXml" ds:itemID="{D92C3DF5-A179-4E2D-BD20-07044B39171F}">
  <ds:schemaRefs/>
</ds:datastoreItem>
</file>

<file path=customXml/itemProps8.xml><?xml version="1.0" encoding="utf-8"?>
<ds:datastoreItem xmlns:ds="http://schemas.openxmlformats.org/officeDocument/2006/customXml" ds:itemID="{362CB809-2390-49FE-8348-10339D518021}">
  <ds:schemaRefs/>
</ds:datastoreItem>
</file>

<file path=customXml/itemProps9.xml><?xml version="1.0" encoding="utf-8"?>
<ds:datastoreItem xmlns:ds="http://schemas.openxmlformats.org/officeDocument/2006/customXml" ds:itemID="{2DD6D655-6545-4724-AA17-C544939C837A}">
  <ds:schemaRefs/>
</ds:datastoreItem>
</file>

<file path=docMetadata/LabelInfo.xml><?xml version="1.0" encoding="utf-8"?>
<clbl:labelList xmlns:clbl="http://schemas.microsoft.com/office/2020/mipLabelMetadata">
  <clbl:label id="{92e84ceb-fbfd-47ab-be52-080c6b87953f}" enabled="0" method="" siteId="{92e84ceb-fbfd-47ab-be52-080c6b87953f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3141</TotalTime>
  <Words>600</Words>
  <Application>Microsoft Office PowerPoint</Application>
  <PresentationFormat>Widescreen</PresentationFormat>
  <Paragraphs>84</Paragraphs>
  <Slides>9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8" baseType="lpstr">
      <vt:lpstr>Ericsson Hilda</vt:lpstr>
      <vt:lpstr>Ericsson Hilda ExtraBold</vt:lpstr>
      <vt:lpstr>Wingdings</vt:lpstr>
      <vt:lpstr>Google Sans</vt:lpstr>
      <vt:lpstr>Ericsson Hilda ExtraLight</vt:lpstr>
      <vt:lpstr>Ericsson Technical Icons</vt:lpstr>
      <vt:lpstr>Ericsson Hilda Light</vt:lpstr>
      <vt:lpstr>Arial</vt:lpstr>
      <vt:lpstr>PresentationTemplate2025</vt:lpstr>
      <vt:lpstr>PowerPoint Presentation</vt:lpstr>
      <vt:lpstr>What are Autonomous Networks?</vt:lpstr>
      <vt:lpstr>“Reliability” of a network</vt:lpstr>
      <vt:lpstr>Connecting the perspectives</vt:lpstr>
      <vt:lpstr>Change safety</vt:lpstr>
      <vt:lpstr>Root cause analysis workflow</vt:lpstr>
      <vt:lpstr>Knowledge plane</vt:lpstr>
      <vt:lpstr>Industry state of art &amp; next steps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IME25 - AN + KB</dc:title>
  <dc:creator>EDMZLAT Ádám Zlatniczki</dc:creator>
  <cp:keywords/>
  <dc:description> 
Rev </dc:description>
  <cp:lastModifiedBy>Ádám Zlatniczki</cp:lastModifiedBy>
  <cp:revision>164</cp:revision>
  <dcterms:created xsi:type="dcterms:W3CDTF">2019-04-23T15:12:54Z</dcterms:created>
  <dcterms:modified xsi:type="dcterms:W3CDTF">2025-11-28T08:14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5-03-20T13:12:46.0714942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3404255060591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/>
  </property>
  <property fmtid="{D5CDD505-2E9C-101B-9397-08002B2CF9AE}" pid="16" name="Prepared">
    <vt:lpwstr>EDMZLAT Ádám Zlatniczki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5-11-27</vt:lpwstr>
  </property>
  <property fmtid="{D5CDD505-2E9C-101B-9397-08002B2CF9AE}" pid="21" name="Reference">
    <vt:lpwstr/>
  </property>
  <property fmtid="{D5CDD505-2E9C-101B-9397-08002B2CF9AE}" pid="22" name="Title">
    <vt:lpwstr>AIME25 - AN + KB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  <property fmtid="{D5CDD505-2E9C-101B-9397-08002B2CF9AE}" pid="38" name="DocNoVisible">
    <vt:lpwstr>true</vt:lpwstr>
  </property>
</Properties>
</file>